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tags/tag6.xml" ContentType="application/vnd.openxmlformats-officedocument.presentationml.tags+xml"/>
  <Override PartName="/ppt/notesSlides/notesSlide4.xml" ContentType="application/vnd.openxmlformats-officedocument.presentationml.notesSlide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ppt/tags/tag8.xml" ContentType="application/vnd.openxmlformats-officedocument.presentationml.tags+xml"/>
  <Override PartName="/ppt/notesSlides/notesSlide6.xml" ContentType="application/vnd.openxmlformats-officedocument.presentationml.notesSlid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notesSlides/notesSlide7.xml" ContentType="application/vnd.openxmlformats-officedocument.presentationml.notesSlide+xml"/>
  <Override PartName="/ppt/tags/tag11.xml" ContentType="application/vnd.openxmlformats-officedocument.presentationml.tags+xml"/>
  <Override PartName="/ppt/notesSlides/notesSlide8.xml" ContentType="application/vnd.openxmlformats-officedocument.presentationml.notesSlide+xml"/>
  <Override PartName="/ppt/tags/tag12.xml" ContentType="application/vnd.openxmlformats-officedocument.presentationml.tags+xml"/>
  <Override PartName="/ppt/notesSlides/notesSlide9.xml" ContentType="application/vnd.openxmlformats-officedocument.presentationml.notesSlide+xml"/>
  <Override PartName="/ppt/tags/tag13.xml" ContentType="application/vnd.openxmlformats-officedocument.presentationml.tags+xml"/>
  <Override PartName="/ppt/notesSlides/notesSlide10.xml" ContentType="application/vnd.openxmlformats-officedocument.presentationml.notesSlid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11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12.xml" ContentType="application/vnd.openxmlformats-officedocument.presentationml.notesSlide+xml"/>
  <Override PartName="/ppt/tags/tag19.xml" ContentType="application/vnd.openxmlformats-officedocument.presentationml.tags+xml"/>
  <Override PartName="/ppt/notesSlides/notesSlide13.xml" ContentType="application/vnd.openxmlformats-officedocument.presentationml.notesSlide+xml"/>
  <Override PartName="/ppt/tags/tag20.xml" ContentType="application/vnd.openxmlformats-officedocument.presentationml.tags+xml"/>
  <Override PartName="/ppt/notesSlides/notesSlide14.xml" ContentType="application/vnd.openxmlformats-officedocument.presentationml.notesSlide+xml"/>
  <Override PartName="/ppt/tags/tag21.xml" ContentType="application/vnd.openxmlformats-officedocument.presentationml.tags+xml"/>
  <Override PartName="/ppt/notesSlides/notesSlide15.xml" ContentType="application/vnd.openxmlformats-officedocument.presentationml.notesSlide+xml"/>
  <Override PartName="/ppt/tags/tag22.xml" ContentType="application/vnd.openxmlformats-officedocument.presentationml.tags+xml"/>
  <Override PartName="/ppt/notesSlides/notesSlide16.xml" ContentType="application/vnd.openxmlformats-officedocument.presentationml.notesSlide+xml"/>
  <Override PartName="/ppt/tags/tag23.xml" ContentType="application/vnd.openxmlformats-officedocument.presentationml.tags+xml"/>
  <Override PartName="/ppt/notesSlides/notesSlide17.xml" ContentType="application/vnd.openxmlformats-officedocument.presentationml.notesSlide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notesSlides/notesSlide18.xml" ContentType="application/vnd.openxmlformats-officedocument.presentationml.notesSlide+xml"/>
  <Override PartName="/ppt/tags/tag26.xml" ContentType="application/vnd.openxmlformats-officedocument.presentationml.tags+xml"/>
  <Override PartName="/ppt/notesSlides/notesSlide19.xml" ContentType="application/vnd.openxmlformats-officedocument.presentationml.notesSlide+xml"/>
  <Override PartName="/ppt/tags/tag27.xml" ContentType="application/vnd.openxmlformats-officedocument.presentationml.tags+xml"/>
  <Override PartName="/ppt/notesSlides/notesSlide20.xml" ContentType="application/vnd.openxmlformats-officedocument.presentationml.notesSlide+xml"/>
  <Override PartName="/ppt/tags/tag28.xml" ContentType="application/vnd.openxmlformats-officedocument.presentationml.tags+xml"/>
  <Override PartName="/ppt/notesSlides/notesSlide21.xml" ContentType="application/vnd.openxmlformats-officedocument.presentationml.notesSlide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22.xml" ContentType="application/vnd.openxmlformats-officedocument.presentationml.notesSlide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notesSlides/notesSlide23.xml" ContentType="application/vnd.openxmlformats-officedocument.presentationml.notesSlide+xml"/>
  <Override PartName="/ppt/tags/tag34.xml" ContentType="application/vnd.openxmlformats-officedocument.presentationml.tags+xml"/>
  <Override PartName="/ppt/notesSlides/notesSlide24.xml" ContentType="application/vnd.openxmlformats-officedocument.presentationml.notesSlide+xml"/>
  <Override PartName="/ppt/tags/tag35.xml" ContentType="application/vnd.openxmlformats-officedocument.presentationml.tags+xml"/>
  <Override PartName="/ppt/notesSlides/notesSlide25.xml" ContentType="application/vnd.openxmlformats-officedocument.presentationml.notesSlide+xml"/>
  <Override PartName="/ppt/tags/tag36.xml" ContentType="application/vnd.openxmlformats-officedocument.presentationml.tags+xml"/>
  <Override PartName="/ppt/notesSlides/notesSlide26.xml" ContentType="application/vnd.openxmlformats-officedocument.presentationml.notesSlide+xml"/>
  <Override PartName="/ppt/tags/tag37.xml" ContentType="application/vnd.openxmlformats-officedocument.presentationml.tags+xml"/>
  <Override PartName="/ppt/notesSlides/notesSlide27.xml" ContentType="application/vnd.openxmlformats-officedocument.presentationml.notesSlide+xml"/>
  <Override PartName="/ppt/tags/tag38.xml" ContentType="application/vnd.openxmlformats-officedocument.presentationml.tags+xml"/>
  <Override PartName="/ppt/notesSlides/notesSlide28.xml" ContentType="application/vnd.openxmlformats-officedocument.presentationml.notesSlide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notesSlides/notesSlide29.xml" ContentType="application/vnd.openxmlformats-officedocument.presentationml.notesSlide+xml"/>
  <Override PartName="/ppt/tags/tag41.xml" ContentType="application/vnd.openxmlformats-officedocument.presentationml.tags+xml"/>
  <Override PartName="/ppt/notesSlides/notesSlide30.xml" ContentType="application/vnd.openxmlformats-officedocument.presentationml.notesSlide+xml"/>
  <Override PartName="/ppt/tags/tag42.xml" ContentType="application/vnd.openxmlformats-officedocument.presentationml.tags+xml"/>
  <Override PartName="/ppt/notesSlides/notesSlide31.xml" ContentType="application/vnd.openxmlformats-officedocument.presentationml.notesSlide+xml"/>
  <Override PartName="/ppt/tags/tag43.xml" ContentType="application/vnd.openxmlformats-officedocument.presentationml.tags+xml"/>
  <Override PartName="/ppt/notesSlides/notesSlide32.xml" ContentType="application/vnd.openxmlformats-officedocument.presentationml.notesSlide+xml"/>
  <Override PartName="/ppt/tags/tag44.xml" ContentType="application/vnd.openxmlformats-officedocument.presentationml.tags+xml"/>
  <Override PartName="/ppt/notesSlides/notesSlide33.xml" ContentType="application/vnd.openxmlformats-officedocument.presentationml.notesSlide+xml"/>
  <Override PartName="/ppt/tags/tag45.xml" ContentType="application/vnd.openxmlformats-officedocument.presentationml.tags+xml"/>
  <Override PartName="/ppt/notesSlides/notesSlide34.xml" ContentType="application/vnd.openxmlformats-officedocument.presentationml.notesSlide+xml"/>
  <Override PartName="/ppt/tags/tag46.xml" ContentType="application/vnd.openxmlformats-officedocument.presentationml.tags+xml"/>
  <Override PartName="/ppt/notesSlides/notesSlide35.xml" ContentType="application/vnd.openxmlformats-officedocument.presentationml.notesSlide+xml"/>
  <Override PartName="/ppt/tags/tag47.xml" ContentType="application/vnd.openxmlformats-officedocument.presentationml.tags+xml"/>
  <Override PartName="/ppt/notesSlides/notesSlide36.xml" ContentType="application/vnd.openxmlformats-officedocument.presentationml.notesSlide+xml"/>
  <Override PartName="/ppt/tags/tag48.xml" ContentType="application/vnd.openxmlformats-officedocument.presentationml.tags+xml"/>
  <Override PartName="/ppt/notesSlides/notesSlide37.xml" ContentType="application/vnd.openxmlformats-officedocument.presentationml.notesSlide+xml"/>
  <Override PartName="/ppt/tags/tag49.xml" ContentType="application/vnd.openxmlformats-officedocument.presentationml.tags+xml"/>
  <Override PartName="/ppt/notesSlides/notesSlide38.xml" ContentType="application/vnd.openxmlformats-officedocument.presentationml.notesSlide+xml"/>
  <Override PartName="/ppt/tags/tag50.xml" ContentType="application/vnd.openxmlformats-officedocument.presentationml.tags+xml"/>
  <Override PartName="/ppt/notesSlides/notesSlide39.xml" ContentType="application/vnd.openxmlformats-officedocument.presentationml.notesSlide+xml"/>
  <Override PartName="/ppt/tags/tag51.xml" ContentType="application/vnd.openxmlformats-officedocument.presentationml.tags+xml"/>
  <Override PartName="/ppt/notesSlides/notesSlide40.xml" ContentType="application/vnd.openxmlformats-officedocument.presentationml.notesSlide+xml"/>
  <Override PartName="/ppt/tags/tag52.xml" ContentType="application/vnd.openxmlformats-officedocument.presentationml.tags+xml"/>
  <Override PartName="/ppt/notesSlides/notesSlide41.xml" ContentType="application/vnd.openxmlformats-officedocument.presentationml.notesSlide+xml"/>
  <Override PartName="/ppt/tags/tag53.xml" ContentType="application/vnd.openxmlformats-officedocument.presentationml.tags+xml"/>
  <Override PartName="/ppt/notesSlides/notesSlide42.xml" ContentType="application/vnd.openxmlformats-officedocument.presentationml.notesSlide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notesSlides/notesSlide43.xml" ContentType="application/vnd.openxmlformats-officedocument.presentationml.notesSlide+xml"/>
  <Override PartName="/ppt/tags/tag56.xml" ContentType="application/vnd.openxmlformats-officedocument.presentationml.tags+xml"/>
  <Override PartName="/ppt/notesSlides/notesSlide44.xml" ContentType="application/vnd.openxmlformats-officedocument.presentationml.notesSlide+xml"/>
  <Override PartName="/ppt/tags/tag57.xml" ContentType="application/vnd.openxmlformats-officedocument.presentationml.tags+xml"/>
  <Override PartName="/ppt/notesSlides/notesSlide45.xml" ContentType="application/vnd.openxmlformats-officedocument.presentationml.notesSlide+xml"/>
  <Override PartName="/ppt/tags/tag58.xml" ContentType="application/vnd.openxmlformats-officedocument.presentationml.tags+xml"/>
  <Override PartName="/ppt/notesSlides/notesSlide46.xml" ContentType="application/vnd.openxmlformats-officedocument.presentationml.notesSlide+xml"/>
  <Override PartName="/ppt/tags/tag59.xml" ContentType="application/vnd.openxmlformats-officedocument.presentationml.tags+xml"/>
  <Override PartName="/ppt/notesSlides/notesSlide47.xml" ContentType="application/vnd.openxmlformats-officedocument.presentationml.notesSlide+xml"/>
  <Override PartName="/ppt/tags/tag60.xml" ContentType="application/vnd.openxmlformats-officedocument.presentationml.tags+xml"/>
  <Override PartName="/ppt/notesSlides/notesSlide48.xml" ContentType="application/vnd.openxmlformats-officedocument.presentationml.notesSlide+xml"/>
  <Override PartName="/ppt/tags/tag61.xml" ContentType="application/vnd.openxmlformats-officedocument.presentationml.tags+xml"/>
  <Override PartName="/ppt/notesSlides/notesSlide49.xml" ContentType="application/vnd.openxmlformats-officedocument.presentationml.notesSlide+xml"/>
  <Override PartName="/ppt/tags/tag62.xml" ContentType="application/vnd.openxmlformats-officedocument.presentationml.tags+xml"/>
  <Override PartName="/ppt/notesSlides/notesSlide50.xml" ContentType="application/vnd.openxmlformats-officedocument.presentationml.notesSlide+xml"/>
  <Override PartName="/ppt/tags/tag63.xml" ContentType="application/vnd.openxmlformats-officedocument.presentationml.tags+xml"/>
  <Override PartName="/ppt/notesSlides/notesSlide51.xml" ContentType="application/vnd.openxmlformats-officedocument.presentationml.notesSlide+xml"/>
  <Override PartName="/ppt/tags/tag64.xml" ContentType="application/vnd.openxmlformats-officedocument.presentationml.tags+xml"/>
  <Override PartName="/ppt/notesSlides/notesSlide52.xml" ContentType="application/vnd.openxmlformats-officedocument.presentationml.notesSlide+xml"/>
  <Override PartName="/ppt/tags/tag65.xml" ContentType="application/vnd.openxmlformats-officedocument.presentationml.tags+xml"/>
  <Override PartName="/ppt/notesSlides/notesSlide53.xml" ContentType="application/vnd.openxmlformats-officedocument.presentationml.notesSlide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notesSlides/notesSlide54.xml" ContentType="application/vnd.openxmlformats-officedocument.presentationml.notesSlide+xml"/>
  <Override PartName="/ppt/tags/tag68.xml" ContentType="application/vnd.openxmlformats-officedocument.presentationml.tags+xml"/>
  <Override PartName="/ppt/notesSlides/notesSlide55.xml" ContentType="application/vnd.openxmlformats-officedocument.presentationml.notesSlide+xml"/>
  <Override PartName="/ppt/tags/tag69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80"/>
  </p:notesMasterIdLst>
  <p:sldIdLst>
    <p:sldId id="292" r:id="rId2"/>
    <p:sldId id="290" r:id="rId3"/>
    <p:sldId id="293" r:id="rId4"/>
    <p:sldId id="262" r:id="rId5"/>
    <p:sldId id="294" r:id="rId6"/>
    <p:sldId id="295" r:id="rId7"/>
    <p:sldId id="351" r:id="rId8"/>
    <p:sldId id="297" r:id="rId9"/>
    <p:sldId id="298" r:id="rId10"/>
    <p:sldId id="299" r:id="rId11"/>
    <p:sldId id="300" r:id="rId12"/>
    <p:sldId id="339" r:id="rId13"/>
    <p:sldId id="301" r:id="rId14"/>
    <p:sldId id="302" r:id="rId15"/>
    <p:sldId id="306" r:id="rId16"/>
    <p:sldId id="303" r:id="rId17"/>
    <p:sldId id="354" r:id="rId18"/>
    <p:sldId id="307" r:id="rId19"/>
    <p:sldId id="308" r:id="rId20"/>
    <p:sldId id="309" r:id="rId21"/>
    <p:sldId id="310" r:id="rId22"/>
    <p:sldId id="379" r:id="rId23"/>
    <p:sldId id="359" r:id="rId24"/>
    <p:sldId id="350" r:id="rId25"/>
    <p:sldId id="353" r:id="rId26"/>
    <p:sldId id="349" r:id="rId27"/>
    <p:sldId id="348" r:id="rId28"/>
    <p:sldId id="380" r:id="rId29"/>
    <p:sldId id="304" r:id="rId30"/>
    <p:sldId id="311" r:id="rId31"/>
    <p:sldId id="312" r:id="rId32"/>
    <p:sldId id="313" r:id="rId33"/>
    <p:sldId id="317" r:id="rId34"/>
    <p:sldId id="318" r:id="rId35"/>
    <p:sldId id="316" r:id="rId36"/>
    <p:sldId id="314" r:id="rId37"/>
    <p:sldId id="315" r:id="rId38"/>
    <p:sldId id="360" r:id="rId39"/>
    <p:sldId id="366" r:id="rId40"/>
    <p:sldId id="263" r:id="rId41"/>
    <p:sldId id="280" r:id="rId42"/>
    <p:sldId id="361" r:id="rId43"/>
    <p:sldId id="373" r:id="rId44"/>
    <p:sldId id="321" r:id="rId45"/>
    <p:sldId id="329" r:id="rId46"/>
    <p:sldId id="374" r:id="rId47"/>
    <p:sldId id="327" r:id="rId48"/>
    <p:sldId id="362" r:id="rId49"/>
    <p:sldId id="322" r:id="rId50"/>
    <p:sldId id="328" r:id="rId51"/>
    <p:sldId id="331" r:id="rId52"/>
    <p:sldId id="341" r:id="rId53"/>
    <p:sldId id="323" r:id="rId54"/>
    <p:sldId id="340" r:id="rId55"/>
    <p:sldId id="324" r:id="rId56"/>
    <p:sldId id="330" r:id="rId57"/>
    <p:sldId id="356" r:id="rId58"/>
    <p:sldId id="326" r:id="rId59"/>
    <p:sldId id="333" r:id="rId60"/>
    <p:sldId id="334" r:id="rId61"/>
    <p:sldId id="335" r:id="rId62"/>
    <p:sldId id="375" r:id="rId63"/>
    <p:sldId id="278" r:id="rId64"/>
    <p:sldId id="281" r:id="rId65"/>
    <p:sldId id="336" r:id="rId66"/>
    <p:sldId id="357" r:id="rId67"/>
    <p:sldId id="358" r:id="rId68"/>
    <p:sldId id="337" r:id="rId69"/>
    <p:sldId id="342" r:id="rId70"/>
    <p:sldId id="343" r:id="rId71"/>
    <p:sldId id="344" r:id="rId72"/>
    <p:sldId id="345" r:id="rId73"/>
    <p:sldId id="346" r:id="rId74"/>
    <p:sldId id="347" r:id="rId75"/>
    <p:sldId id="264" r:id="rId76"/>
    <p:sldId id="363" r:id="rId77"/>
    <p:sldId id="372" r:id="rId78"/>
    <p:sldId id="260" r:id="rId7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09A1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4631689-4451-44B9-A228-54BE8349543F}" v="83" dt="2022-12-03T10:06:03.455"/>
    <p1510:client id="{05CC06B0-B05A-48EE-90DB-B3B9215BA314}" v="137" dt="2022-12-02T01:16:34.558"/>
    <p1510:client id="{12BAE375-B54A-46EA-961C-6E6D16DDB233}" v="18" dt="2022-12-02T09:31:38.942"/>
    <p1510:client id="{2EEA80B7-0517-4974-9B94-C13108F01492}" v="6" dt="2022-12-02T12:28:36.076"/>
    <p1510:client id="{410AAC63-6822-4EE3-931B-8E5ABFEFF442}" v="305" dt="2022-12-02T14:09:22.668"/>
    <p1510:client id="{5A2063C4-75A7-40D9-8F98-41906475E86A}" v="1317" dt="2022-12-02T00:51:22.432"/>
    <p1510:client id="{5A6B802D-C81D-4E1C-8C8E-9E100D5680F5}" v="165" dt="2022-12-01T12:45:57.590"/>
    <p1510:client id="{865D7057-6EB0-45A4-A35D-7BFD2CE0628E}" v="51" dt="2022-12-04T21:03:46.779"/>
    <p1510:client id="{949E964F-3B70-4119-ACEA-8CA6B1E94C89}" v="209" dt="2022-12-02T11:18:39.449"/>
    <p1510:client id="{967CB23F-3A10-494B-9A01-A4ECA2A6B744}" v="250" dt="2022-12-01T14:05:26.785"/>
    <p1510:client id="{9A62161A-7B5A-43F9-87B6-0A926CBA3F9D}" v="162" dt="2022-12-01T14:56:05.887"/>
    <p1510:client id="{BD9E037C-0F02-4892-84A4-215BC783C5B7}" v="1" dt="2022-12-01T14:14:18.523"/>
    <p1510:client id="{D757D1AA-DBA6-4052-A5B6-63249C856961}" v="1" dt="2022-12-02T12:41:34.746"/>
    <p1510:client id="{DB3A93AB-A50A-4CBB-9BB9-0981F79E193B}" v="58" dt="2022-12-02T10:20:03.440"/>
    <p1510:client id="{E580FB1E-6579-4DAA-8DDE-68A8E9BD102A}" v="8" dt="2022-12-02T12:12:24.397"/>
    <p1510:client id="{E6585403-190D-4186-A90A-E7B67111F5C6}" v="97" dt="2022-12-02T14:00:08.002"/>
    <p1510:client id="{E9330041-98D0-4F1F-8C4C-8FC42E0CFFAC}" v="59" dt="2022-12-02T12:19:07.937"/>
    <p1510:client id="{F5658412-CB27-4EA0-9B91-5E2D686EE832}" v="5418" dt="2022-12-02T12:37:22.27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/>
    </p:cSldViewPr>
  </p:slide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84" Type="http://schemas.openxmlformats.org/officeDocument/2006/relationships/tableStyles" Target="tableStyles.xml"/><Relationship Id="rId16" Type="http://schemas.openxmlformats.org/officeDocument/2006/relationships/slide" Target="slides/slide15.xml"/><Relationship Id="rId11" Type="http://schemas.openxmlformats.org/officeDocument/2006/relationships/slide" Target="slides/slide10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74" Type="http://schemas.openxmlformats.org/officeDocument/2006/relationships/slide" Target="slides/slide73.xml"/><Relationship Id="rId79" Type="http://schemas.openxmlformats.org/officeDocument/2006/relationships/slide" Target="slides/slide78.xml"/><Relationship Id="rId5" Type="http://schemas.openxmlformats.org/officeDocument/2006/relationships/slide" Target="slides/slide4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77" Type="http://schemas.openxmlformats.org/officeDocument/2006/relationships/slide" Target="slides/slide76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slide" Target="slides/slide71.xml"/><Relationship Id="rId80" Type="http://schemas.openxmlformats.org/officeDocument/2006/relationships/notesMaster" Target="notesMasters/notesMaster1.xml"/><Relationship Id="rId85" Type="http://schemas.microsoft.com/office/2016/11/relationships/changesInfo" Target="changesInfos/changesInfo1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slide" Target="slides/slide69.xml"/><Relationship Id="rId75" Type="http://schemas.openxmlformats.org/officeDocument/2006/relationships/slide" Target="slides/slide74.xml"/><Relationship Id="rId83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slide" Target="slides/slide72.xml"/><Relationship Id="rId78" Type="http://schemas.openxmlformats.org/officeDocument/2006/relationships/slide" Target="slides/slide77.xml"/><Relationship Id="rId81" Type="http://schemas.openxmlformats.org/officeDocument/2006/relationships/presProps" Target="presProps.xml"/><Relationship Id="rId86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slide" Target="slides/slide75.xml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2" Type="http://schemas.openxmlformats.org/officeDocument/2006/relationships/slide" Target="slides/slide1.xml"/><Relationship Id="rId29" Type="http://schemas.openxmlformats.org/officeDocument/2006/relationships/slide" Target="slides/slide28.xml"/><Relationship Id="rId24" Type="http://schemas.openxmlformats.org/officeDocument/2006/relationships/slide" Target="slides/slide23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66" Type="http://schemas.openxmlformats.org/officeDocument/2006/relationships/slide" Target="slides/slide65.xml"/><Relationship Id="rId61" Type="http://schemas.openxmlformats.org/officeDocument/2006/relationships/slide" Target="slides/slide60.xml"/><Relationship Id="rId82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ukasz Kutrzuba" userId="S::lukasz.kutrzuba@ericsson.com::362f5cc4-0ca4-4e9d-91a9-91fb4ffaabd5" providerId="AD" clId="Web-{E22A0697-B64C-4A6D-9DB7-74DBD0162C40}"/>
    <pc:docChg chg="addSld delSld modSld">
      <pc:chgData name="Lukasz Kutrzuba" userId="S::lukasz.kutrzuba@ericsson.com::362f5cc4-0ca4-4e9d-91a9-91fb4ffaabd5" providerId="AD" clId="Web-{E22A0697-B64C-4A6D-9DB7-74DBD0162C40}" dt="2022-11-30T13:20:35.675" v="7" actId="1076"/>
      <pc:docMkLst>
        <pc:docMk/>
      </pc:docMkLst>
      <pc:sldChg chg="addSp delSp modSp add del">
        <pc:chgData name="Lukasz Kutrzuba" userId="S::lukasz.kutrzuba@ericsson.com::362f5cc4-0ca4-4e9d-91a9-91fb4ffaabd5" providerId="AD" clId="Web-{E22A0697-B64C-4A6D-9DB7-74DBD0162C40}" dt="2022-11-30T13:20:35.675" v="7" actId="1076"/>
        <pc:sldMkLst>
          <pc:docMk/>
          <pc:sldMk cId="2111310686" sldId="311"/>
        </pc:sldMkLst>
        <pc:picChg chg="add mod">
          <ac:chgData name="Lukasz Kutrzuba" userId="S::lukasz.kutrzuba@ericsson.com::362f5cc4-0ca4-4e9d-91a9-91fb4ffaabd5" providerId="AD" clId="Web-{E22A0697-B64C-4A6D-9DB7-74DBD0162C40}" dt="2022-11-30T13:20:35.675" v="7" actId="1076"/>
          <ac:picMkLst>
            <pc:docMk/>
            <pc:sldMk cId="2111310686" sldId="311"/>
            <ac:picMk id="2" creationId="{1F0E4587-0356-E5B2-D6B2-D20F0D03C415}"/>
          </ac:picMkLst>
        </pc:picChg>
        <pc:picChg chg="del">
          <ac:chgData name="Lukasz Kutrzuba" userId="S::lukasz.kutrzuba@ericsson.com::362f5cc4-0ca4-4e9d-91a9-91fb4ffaabd5" providerId="AD" clId="Web-{E22A0697-B64C-4A6D-9DB7-74DBD0162C40}" dt="2022-11-30T13:20:18.190" v="2"/>
          <ac:picMkLst>
            <pc:docMk/>
            <pc:sldMk cId="2111310686" sldId="311"/>
            <ac:picMk id="6" creationId="{8CB75493-140B-4ECD-988B-653DDC6CBE25}"/>
          </ac:picMkLst>
        </pc:picChg>
      </pc:sldChg>
    </pc:docChg>
  </pc:docChgLst>
  <pc:docChgLst>
    <pc:chgData name="Lukasz Kutrzuba" userId="S::lukasz.kutrzuba@ericsson.com::362f5cc4-0ca4-4e9d-91a9-91fb4ffaabd5" providerId="AD" clId="Web-{019338A4-FE30-437A-9F90-23F601BDDBDA}"/>
    <pc:docChg chg="addSld modSld">
      <pc:chgData name="Lukasz Kutrzuba" userId="S::lukasz.kutrzuba@ericsson.com::362f5cc4-0ca4-4e9d-91a9-91fb4ffaabd5" providerId="AD" clId="Web-{019338A4-FE30-437A-9F90-23F601BDDBDA}" dt="2022-11-30T10:58:43.861" v="793" actId="20577"/>
      <pc:docMkLst>
        <pc:docMk/>
      </pc:docMkLst>
      <pc:sldChg chg="modSp">
        <pc:chgData name="Lukasz Kutrzuba" userId="S::lukasz.kutrzuba@ericsson.com::362f5cc4-0ca4-4e9d-91a9-91fb4ffaabd5" providerId="AD" clId="Web-{019338A4-FE30-437A-9F90-23F601BDDBDA}" dt="2022-11-30T10:52:47.070" v="479" actId="20577"/>
        <pc:sldMkLst>
          <pc:docMk/>
          <pc:sldMk cId="1388213951" sldId="293"/>
        </pc:sldMkLst>
        <pc:spChg chg="mod">
          <ac:chgData name="Lukasz Kutrzuba" userId="S::lukasz.kutrzuba@ericsson.com::362f5cc4-0ca4-4e9d-91a9-91fb4ffaabd5" providerId="AD" clId="Web-{019338A4-FE30-437A-9F90-23F601BDDBDA}" dt="2022-11-30T10:52:47.070" v="479" actId="20577"/>
          <ac:spMkLst>
            <pc:docMk/>
            <pc:sldMk cId="1388213951" sldId="293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19338A4-FE30-437A-9F90-23F601BDDBDA}" dt="2022-11-30T10:47:57.766" v="326" actId="20577"/>
        <pc:sldMkLst>
          <pc:docMk/>
          <pc:sldMk cId="3666522024" sldId="307"/>
        </pc:sldMkLst>
        <pc:spChg chg="mod">
          <ac:chgData name="Lukasz Kutrzuba" userId="S::lukasz.kutrzuba@ericsson.com::362f5cc4-0ca4-4e9d-91a9-91fb4ffaabd5" providerId="AD" clId="Web-{019338A4-FE30-437A-9F90-23F601BDDBDA}" dt="2022-11-30T10:39:46.347" v="5" actId="20577"/>
          <ac:spMkLst>
            <pc:docMk/>
            <pc:sldMk cId="3666522024" sldId="307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019338A4-FE30-437A-9F90-23F601BDDBDA}" dt="2022-11-30T10:47:57.766" v="326" actId="20577"/>
          <ac:spMkLst>
            <pc:docMk/>
            <pc:sldMk cId="3666522024" sldId="307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19338A4-FE30-437A-9F90-23F601BDDBDA}" dt="2022-11-30T10:48:04.938" v="328" actId="20577"/>
        <pc:sldMkLst>
          <pc:docMk/>
          <pc:sldMk cId="1804972876" sldId="308"/>
        </pc:sldMkLst>
        <pc:spChg chg="mod">
          <ac:chgData name="Lukasz Kutrzuba" userId="S::lukasz.kutrzuba@ericsson.com::362f5cc4-0ca4-4e9d-91a9-91fb4ffaabd5" providerId="AD" clId="Web-{019338A4-FE30-437A-9F90-23F601BDDBDA}" dt="2022-11-30T10:39:54.081" v="17" actId="20577"/>
          <ac:spMkLst>
            <pc:docMk/>
            <pc:sldMk cId="1804972876" sldId="308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019338A4-FE30-437A-9F90-23F601BDDBDA}" dt="2022-11-30T10:48:04.938" v="328" actId="20577"/>
          <ac:spMkLst>
            <pc:docMk/>
            <pc:sldMk cId="1804972876" sldId="308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19338A4-FE30-437A-9F90-23F601BDDBDA}" dt="2022-11-30T10:48:11.797" v="330" actId="20577"/>
        <pc:sldMkLst>
          <pc:docMk/>
          <pc:sldMk cId="982755593" sldId="309"/>
        </pc:sldMkLst>
        <pc:spChg chg="mod">
          <ac:chgData name="Lukasz Kutrzuba" userId="S::lukasz.kutrzuba@ericsson.com::362f5cc4-0ca4-4e9d-91a9-91fb4ffaabd5" providerId="AD" clId="Web-{019338A4-FE30-437A-9F90-23F601BDDBDA}" dt="2022-11-30T10:40:06.801" v="26" actId="20577"/>
          <ac:spMkLst>
            <pc:docMk/>
            <pc:sldMk cId="982755593" sldId="309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019338A4-FE30-437A-9F90-23F601BDDBDA}" dt="2022-11-30T10:48:11.797" v="330" actId="20577"/>
          <ac:spMkLst>
            <pc:docMk/>
            <pc:sldMk cId="982755593" sldId="309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19338A4-FE30-437A-9F90-23F601BDDBDA}" dt="2022-11-30T10:48:17.673" v="332" actId="20577"/>
        <pc:sldMkLst>
          <pc:docMk/>
          <pc:sldMk cId="928204253" sldId="310"/>
        </pc:sldMkLst>
        <pc:spChg chg="mod">
          <ac:chgData name="Lukasz Kutrzuba" userId="S::lukasz.kutrzuba@ericsson.com::362f5cc4-0ca4-4e9d-91a9-91fb4ffaabd5" providerId="AD" clId="Web-{019338A4-FE30-437A-9F90-23F601BDDBDA}" dt="2022-11-30T10:40:20.582" v="37" actId="20577"/>
          <ac:spMkLst>
            <pc:docMk/>
            <pc:sldMk cId="928204253" sldId="310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019338A4-FE30-437A-9F90-23F601BDDBDA}" dt="2022-11-30T10:48:17.673" v="332" actId="20577"/>
          <ac:spMkLst>
            <pc:docMk/>
            <pc:sldMk cId="928204253" sldId="310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19338A4-FE30-437A-9F90-23F601BDDBDA}" dt="2022-11-30T10:58:43.861" v="793" actId="20577"/>
        <pc:sldMkLst>
          <pc:docMk/>
          <pc:sldMk cId="2613985370" sldId="326"/>
        </pc:sldMkLst>
        <pc:spChg chg="mod">
          <ac:chgData name="Lukasz Kutrzuba" userId="S::lukasz.kutrzuba@ericsson.com::362f5cc4-0ca4-4e9d-91a9-91fb4ffaabd5" providerId="AD" clId="Web-{019338A4-FE30-437A-9F90-23F601BDDBDA}" dt="2022-11-30T10:58:43.861" v="793" actId="20577"/>
          <ac:spMkLst>
            <pc:docMk/>
            <pc:sldMk cId="2613985370" sldId="326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19338A4-FE30-437A-9F90-23F601BDDBDA}" dt="2022-11-30T10:52:31.601" v="477" actId="1076"/>
        <pc:sldMkLst>
          <pc:docMk/>
          <pc:sldMk cId="2506540590" sldId="347"/>
        </pc:sldMkLst>
        <pc:spChg chg="mod">
          <ac:chgData name="Lukasz Kutrzuba" userId="S::lukasz.kutrzuba@ericsson.com::362f5cc4-0ca4-4e9d-91a9-91fb4ffaabd5" providerId="AD" clId="Web-{019338A4-FE30-437A-9F90-23F601BDDBDA}" dt="2022-11-30T10:52:28.085" v="476" actId="14100"/>
          <ac:spMkLst>
            <pc:docMk/>
            <pc:sldMk cId="2506540590" sldId="347"/>
            <ac:spMk id="12" creationId="{4FFB8876-A80B-45BF-B457-69F329D40EAB}"/>
          </ac:spMkLst>
        </pc:spChg>
        <pc:picChg chg="mod">
          <ac:chgData name="Lukasz Kutrzuba" userId="S::lukasz.kutrzuba@ericsson.com::362f5cc4-0ca4-4e9d-91a9-91fb4ffaabd5" providerId="AD" clId="Web-{019338A4-FE30-437A-9F90-23F601BDDBDA}" dt="2022-11-30T10:52:31.601" v="477" actId="1076"/>
          <ac:picMkLst>
            <pc:docMk/>
            <pc:sldMk cId="2506540590" sldId="347"/>
            <ac:picMk id="6" creationId="{99520BD1-500D-464A-BC9C-1A9BE2B0F7C2}"/>
          </ac:picMkLst>
        </pc:picChg>
      </pc:sldChg>
      <pc:sldChg chg="modSp">
        <pc:chgData name="Lukasz Kutrzuba" userId="S::lukasz.kutrzuba@ericsson.com::362f5cc4-0ca4-4e9d-91a9-91fb4ffaabd5" providerId="AD" clId="Web-{019338A4-FE30-437A-9F90-23F601BDDBDA}" dt="2022-11-30T10:47:52.906" v="325" actId="20577"/>
        <pc:sldMkLst>
          <pc:docMk/>
          <pc:sldMk cId="3524012516" sldId="354"/>
        </pc:sldMkLst>
        <pc:spChg chg="mod">
          <ac:chgData name="Lukasz Kutrzuba" userId="S::lukasz.kutrzuba@ericsson.com::362f5cc4-0ca4-4e9d-91a9-91fb4ffaabd5" providerId="AD" clId="Web-{019338A4-FE30-437A-9F90-23F601BDDBDA}" dt="2022-11-30T10:47:52.906" v="325" actId="20577"/>
          <ac:spMkLst>
            <pc:docMk/>
            <pc:sldMk cId="3524012516" sldId="354"/>
            <ac:spMk id="9" creationId="{BC8328B3-46B9-814A-9805-A5626BF21769}"/>
          </ac:spMkLst>
        </pc:spChg>
      </pc:sldChg>
      <pc:sldChg chg="modSp">
        <pc:chgData name="Lukasz Kutrzuba" userId="S::lukasz.kutrzuba@ericsson.com::362f5cc4-0ca4-4e9d-91a9-91fb4ffaabd5" providerId="AD" clId="Web-{019338A4-FE30-437A-9F90-23F601BDDBDA}" dt="2022-11-30T10:58:01.453" v="789"/>
        <pc:sldMkLst>
          <pc:docMk/>
          <pc:sldMk cId="2628259242" sldId="356"/>
        </pc:sldMkLst>
        <pc:spChg chg="mod">
          <ac:chgData name="Lukasz Kutrzuba" userId="S::lukasz.kutrzuba@ericsson.com::362f5cc4-0ca4-4e9d-91a9-91fb4ffaabd5" providerId="AD" clId="Web-{019338A4-FE30-437A-9F90-23F601BDDBDA}" dt="2022-11-30T10:57:36.421" v="785" actId="14100"/>
          <ac:spMkLst>
            <pc:docMk/>
            <pc:sldMk cId="2628259242" sldId="356"/>
            <ac:spMk id="4" creationId="{F11DFB20-4B57-45E0-2B99-0FC36DFB03EC}"/>
          </ac:spMkLst>
        </pc:spChg>
        <pc:spChg chg="mod">
          <ac:chgData name="Lukasz Kutrzuba" userId="S::lukasz.kutrzuba@ericsson.com::362f5cc4-0ca4-4e9d-91a9-91fb4ffaabd5" providerId="AD" clId="Web-{019338A4-FE30-437A-9F90-23F601BDDBDA}" dt="2022-11-30T10:55:38.715" v="602" actId="1076"/>
          <ac:spMkLst>
            <pc:docMk/>
            <pc:sldMk cId="2628259242" sldId="356"/>
            <ac:spMk id="12" creationId="{4FFB8876-A80B-45BF-B457-69F329D40EAB}"/>
          </ac:spMkLst>
        </pc:spChg>
        <pc:graphicFrameChg chg="mod modGraphic">
          <ac:chgData name="Lukasz Kutrzuba" userId="S::lukasz.kutrzuba@ericsson.com::362f5cc4-0ca4-4e9d-91a9-91fb4ffaabd5" providerId="AD" clId="Web-{019338A4-FE30-437A-9F90-23F601BDDBDA}" dt="2022-11-30T10:58:01.453" v="789"/>
          <ac:graphicFrameMkLst>
            <pc:docMk/>
            <pc:sldMk cId="2628259242" sldId="356"/>
            <ac:graphicFrameMk id="2" creationId="{C73CA138-ED97-40BC-0A94-EC6657FC7642}"/>
          </ac:graphicFrameMkLst>
        </pc:graphicFrameChg>
      </pc:sldChg>
      <pc:sldChg chg="addSp delSp modSp add replId">
        <pc:chgData name="Lukasz Kutrzuba" userId="S::lukasz.kutrzuba@ericsson.com::362f5cc4-0ca4-4e9d-91a9-91fb4ffaabd5" providerId="AD" clId="Web-{019338A4-FE30-437A-9F90-23F601BDDBDA}" dt="2022-11-30T10:51:22.427" v="468" actId="14100"/>
        <pc:sldMkLst>
          <pc:docMk/>
          <pc:sldMk cId="3477690341" sldId="359"/>
        </pc:sldMkLst>
        <pc:spChg chg="del">
          <ac:chgData name="Lukasz Kutrzuba" userId="S::lukasz.kutrzuba@ericsson.com::362f5cc4-0ca4-4e9d-91a9-91fb4ffaabd5" providerId="AD" clId="Web-{019338A4-FE30-437A-9F90-23F601BDDBDA}" dt="2022-11-30T10:42:55.789" v="42"/>
          <ac:spMkLst>
            <pc:docMk/>
            <pc:sldMk cId="3477690341" sldId="359"/>
            <ac:spMk id="3" creationId="{18E2E435-FBED-C85B-0D02-FECF94D93F1F}"/>
          </ac:spMkLst>
        </pc:spChg>
        <pc:spChg chg="mod">
          <ac:chgData name="Lukasz Kutrzuba" userId="S::lukasz.kutrzuba@ericsson.com::362f5cc4-0ca4-4e9d-91a9-91fb4ffaabd5" providerId="AD" clId="Web-{019338A4-FE30-437A-9F90-23F601BDDBDA}" dt="2022-11-30T10:50:39.629" v="445" actId="14100"/>
          <ac:spMkLst>
            <pc:docMk/>
            <pc:sldMk cId="3477690341" sldId="359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019338A4-FE30-437A-9F90-23F601BDDBDA}" dt="2022-11-30T10:51:22.427" v="468" actId="14100"/>
          <ac:spMkLst>
            <pc:docMk/>
            <pc:sldMk cId="3477690341" sldId="359"/>
            <ac:spMk id="14" creationId="{B6CA66AD-D631-4C5E-A924-BC952D4B4394}"/>
          </ac:spMkLst>
        </pc:spChg>
        <pc:spChg chg="del">
          <ac:chgData name="Lukasz Kutrzuba" userId="S::lukasz.kutrzuba@ericsson.com::362f5cc4-0ca4-4e9d-91a9-91fb4ffaabd5" providerId="AD" clId="Web-{019338A4-FE30-437A-9F90-23F601BDDBDA}" dt="2022-11-30T10:42:58.758" v="43"/>
          <ac:spMkLst>
            <pc:docMk/>
            <pc:sldMk cId="3477690341" sldId="359"/>
            <ac:spMk id="22" creationId="{2FF4B599-444C-4863-84DF-493343D1B7A8}"/>
          </ac:spMkLst>
        </pc:spChg>
        <pc:grpChg chg="mod">
          <ac:chgData name="Lukasz Kutrzuba" userId="S::lukasz.kutrzuba@ericsson.com::362f5cc4-0ca4-4e9d-91a9-91fb4ffaabd5" providerId="AD" clId="Web-{019338A4-FE30-437A-9F90-23F601BDDBDA}" dt="2022-11-30T10:49:48.081" v="420" actId="1076"/>
          <ac:grpSpMkLst>
            <pc:docMk/>
            <pc:sldMk cId="3477690341" sldId="359"/>
            <ac:grpSpMk id="8" creationId="{2D391C7E-5CFA-F25F-8478-2AA7DD865438}"/>
          </ac:grpSpMkLst>
        </pc:grpChg>
        <pc:picChg chg="add mod">
          <ac:chgData name="Lukasz Kutrzuba" userId="S::lukasz.kutrzuba@ericsson.com::362f5cc4-0ca4-4e9d-91a9-91fb4ffaabd5" providerId="AD" clId="Web-{019338A4-FE30-437A-9F90-23F601BDDBDA}" dt="2022-11-30T10:49:55.503" v="421" actId="1076"/>
          <ac:picMkLst>
            <pc:docMk/>
            <pc:sldMk cId="3477690341" sldId="359"/>
            <ac:picMk id="2" creationId="{F3E3E7DA-4D74-4ED1-0C18-8D8C8B85DB5E}"/>
          </ac:picMkLst>
        </pc:picChg>
        <pc:picChg chg="del">
          <ac:chgData name="Lukasz Kutrzuba" userId="S::lukasz.kutrzuba@ericsson.com::362f5cc4-0ca4-4e9d-91a9-91fb4ffaabd5" providerId="AD" clId="Web-{019338A4-FE30-437A-9F90-23F601BDDBDA}" dt="2022-11-30T10:42:53.305" v="40"/>
          <ac:picMkLst>
            <pc:docMk/>
            <pc:sldMk cId="3477690341" sldId="359"/>
            <ac:picMk id="9" creationId="{A809C95C-BF1E-B65A-E4F1-ACCEB9E89E85}"/>
          </ac:picMkLst>
        </pc:picChg>
        <pc:picChg chg="del">
          <ac:chgData name="Lukasz Kutrzuba" userId="S::lukasz.kutrzuba@ericsson.com::362f5cc4-0ca4-4e9d-91a9-91fb4ffaabd5" providerId="AD" clId="Web-{019338A4-FE30-437A-9F90-23F601BDDBDA}" dt="2022-11-30T10:42:54.992" v="41"/>
          <ac:picMkLst>
            <pc:docMk/>
            <pc:sldMk cId="3477690341" sldId="359"/>
            <ac:picMk id="20" creationId="{25FFE7A1-45AF-47BB-8457-AB1839B78A3B}"/>
          </ac:picMkLst>
        </pc:picChg>
      </pc:sldChg>
    </pc:docChg>
  </pc:docChgLst>
  <pc:docChgLst>
    <pc:chgData name="Lukasz Kutrzuba" userId="S::lukasz.kutrzuba@ericsson.com::362f5cc4-0ca4-4e9d-91a9-91fb4ffaabd5" providerId="AD" clId="Web-{2EEA80B7-0517-4974-9B94-C13108F01492}"/>
    <pc:docChg chg="delSld modSld">
      <pc:chgData name="Lukasz Kutrzuba" userId="S::lukasz.kutrzuba@ericsson.com::362f5cc4-0ca4-4e9d-91a9-91fb4ffaabd5" providerId="AD" clId="Web-{2EEA80B7-0517-4974-9B94-C13108F01492}" dt="2022-12-02T12:28:36.076" v="5"/>
      <pc:docMkLst>
        <pc:docMk/>
      </pc:docMkLst>
      <pc:sldChg chg="modSp">
        <pc:chgData name="Lukasz Kutrzuba" userId="S::lukasz.kutrzuba@ericsson.com::362f5cc4-0ca4-4e9d-91a9-91fb4ffaabd5" providerId="AD" clId="Web-{2EEA80B7-0517-4974-9B94-C13108F01492}" dt="2022-12-02T12:27:53.480" v="2" actId="1076"/>
        <pc:sldMkLst>
          <pc:docMk/>
          <pc:sldMk cId="4027915597" sldId="321"/>
        </pc:sldMkLst>
        <pc:spChg chg="mod">
          <ac:chgData name="Lukasz Kutrzuba" userId="S::lukasz.kutrzuba@ericsson.com::362f5cc4-0ca4-4e9d-91a9-91fb4ffaabd5" providerId="AD" clId="Web-{2EEA80B7-0517-4974-9B94-C13108F01492}" dt="2022-12-02T12:27:52.198" v="1" actId="1076"/>
          <ac:spMkLst>
            <pc:docMk/>
            <pc:sldMk cId="4027915597" sldId="321"/>
            <ac:spMk id="8" creationId="{77F01F4E-3FEC-4D34-83B4-215A2BAD333C}"/>
          </ac:spMkLst>
        </pc:spChg>
        <pc:picChg chg="mod">
          <ac:chgData name="Lukasz Kutrzuba" userId="S::lukasz.kutrzuba@ericsson.com::362f5cc4-0ca4-4e9d-91a9-91fb4ffaabd5" providerId="AD" clId="Web-{2EEA80B7-0517-4974-9B94-C13108F01492}" dt="2022-12-02T12:27:53.480" v="2" actId="1076"/>
          <ac:picMkLst>
            <pc:docMk/>
            <pc:sldMk cId="4027915597" sldId="321"/>
            <ac:picMk id="7" creationId="{0266B968-5A35-43AF-9260-C2187969128D}"/>
          </ac:picMkLst>
        </pc:picChg>
      </pc:sldChg>
      <pc:sldChg chg="modSp">
        <pc:chgData name="Lukasz Kutrzuba" userId="S::lukasz.kutrzuba@ericsson.com::362f5cc4-0ca4-4e9d-91a9-91fb4ffaabd5" providerId="AD" clId="Web-{2EEA80B7-0517-4974-9B94-C13108F01492}" dt="2022-12-02T12:28:23.388" v="4" actId="1076"/>
        <pc:sldMkLst>
          <pc:docMk/>
          <pc:sldMk cId="3399295466" sldId="324"/>
        </pc:sldMkLst>
        <pc:spChg chg="mod">
          <ac:chgData name="Lukasz Kutrzuba" userId="S::lukasz.kutrzuba@ericsson.com::362f5cc4-0ca4-4e9d-91a9-91fb4ffaabd5" providerId="AD" clId="Web-{2EEA80B7-0517-4974-9B94-C13108F01492}" dt="2022-12-02T12:28:23.388" v="4" actId="1076"/>
          <ac:spMkLst>
            <pc:docMk/>
            <pc:sldMk cId="3399295466" sldId="324"/>
            <ac:spMk id="7" creationId="{319AC7AC-4961-4DE6-BCBF-13A445327E27}"/>
          </ac:spMkLst>
        </pc:spChg>
      </pc:sldChg>
      <pc:sldChg chg="modSp">
        <pc:chgData name="Lukasz Kutrzuba" userId="S::lukasz.kutrzuba@ericsson.com::362f5cc4-0ca4-4e9d-91a9-91fb4ffaabd5" providerId="AD" clId="Web-{2EEA80B7-0517-4974-9B94-C13108F01492}" dt="2022-12-02T12:27:47.651" v="0" actId="14100"/>
        <pc:sldMkLst>
          <pc:docMk/>
          <pc:sldMk cId="3242329092" sldId="329"/>
        </pc:sldMkLst>
        <pc:spChg chg="mod">
          <ac:chgData name="Lukasz Kutrzuba" userId="S::lukasz.kutrzuba@ericsson.com::362f5cc4-0ca4-4e9d-91a9-91fb4ffaabd5" providerId="AD" clId="Web-{2EEA80B7-0517-4974-9B94-C13108F01492}" dt="2022-12-02T12:27:47.651" v="0" actId="14100"/>
          <ac:spMkLst>
            <pc:docMk/>
            <pc:sldMk cId="3242329092" sldId="329"/>
            <ac:spMk id="8" creationId="{DC76FB8A-CD24-4A92-98CA-0AE69C81B0A4}"/>
          </ac:spMkLst>
        </pc:spChg>
      </pc:sldChg>
      <pc:sldChg chg="modSp">
        <pc:chgData name="Lukasz Kutrzuba" userId="S::lukasz.kutrzuba@ericsson.com::362f5cc4-0ca4-4e9d-91a9-91fb4ffaabd5" providerId="AD" clId="Web-{2EEA80B7-0517-4974-9B94-C13108F01492}" dt="2022-12-02T12:28:07.340" v="3" actId="1076"/>
        <pc:sldMkLst>
          <pc:docMk/>
          <pc:sldMk cId="1993494209" sldId="362"/>
        </pc:sldMkLst>
        <pc:spChg chg="mod">
          <ac:chgData name="Lukasz Kutrzuba" userId="S::lukasz.kutrzuba@ericsson.com::362f5cc4-0ca4-4e9d-91a9-91fb4ffaabd5" providerId="AD" clId="Web-{2EEA80B7-0517-4974-9B94-C13108F01492}" dt="2022-12-02T12:28:07.340" v="3" actId="1076"/>
          <ac:spMkLst>
            <pc:docMk/>
            <pc:sldMk cId="1993494209" sldId="362"/>
            <ac:spMk id="4" creationId="{8F1339CB-3179-4B9D-A727-D066BC0C25AF}"/>
          </ac:spMkLst>
        </pc:spChg>
      </pc:sldChg>
      <pc:sldChg chg="del">
        <pc:chgData name="Lukasz Kutrzuba" userId="S::lukasz.kutrzuba@ericsson.com::362f5cc4-0ca4-4e9d-91a9-91fb4ffaabd5" providerId="AD" clId="Web-{2EEA80B7-0517-4974-9B94-C13108F01492}" dt="2022-12-02T12:28:36.076" v="5"/>
        <pc:sldMkLst>
          <pc:docMk/>
          <pc:sldMk cId="3803418693" sldId="381"/>
        </pc:sldMkLst>
      </pc:sldChg>
    </pc:docChg>
  </pc:docChgLst>
  <pc:docChgLst>
    <pc:chgData name="Lukasz Kutrzuba" userId="S::lukasz.kutrzuba@ericsson.com::362f5cc4-0ca4-4e9d-91a9-91fb4ffaabd5" providerId="AD" clId="Web-{4F478C39-878D-4B59-A093-ADF91420EEC0}"/>
    <pc:docChg chg="sldOrd">
      <pc:chgData name="Lukasz Kutrzuba" userId="S::lukasz.kutrzuba@ericsson.com::362f5cc4-0ca4-4e9d-91a9-91fb4ffaabd5" providerId="AD" clId="Web-{4F478C39-878D-4B59-A093-ADF91420EEC0}" dt="2022-11-30T12:27:03.882" v="0"/>
      <pc:docMkLst>
        <pc:docMk/>
      </pc:docMkLst>
      <pc:sldChg chg="ord">
        <pc:chgData name="Lukasz Kutrzuba" userId="S::lukasz.kutrzuba@ericsson.com::362f5cc4-0ca4-4e9d-91a9-91fb4ffaabd5" providerId="AD" clId="Web-{4F478C39-878D-4B59-A093-ADF91420EEC0}" dt="2022-11-30T12:27:03.882" v="0"/>
        <pc:sldMkLst>
          <pc:docMk/>
          <pc:sldMk cId="2563490891" sldId="327"/>
        </pc:sldMkLst>
      </pc:sldChg>
    </pc:docChg>
  </pc:docChgLst>
  <pc:docChgLst>
    <pc:chgData name="Lukasz Kutrzuba" userId="S::lukasz.kutrzuba@ericsson.com::362f5cc4-0ca4-4e9d-91a9-91fb4ffaabd5" providerId="AD" clId="Web-{379B8ED7-3003-4C71-923E-BF2DE77B632B}"/>
    <pc:docChg chg="modSld">
      <pc:chgData name="Lukasz Kutrzuba" userId="S::lukasz.kutrzuba@ericsson.com::362f5cc4-0ca4-4e9d-91a9-91fb4ffaabd5" providerId="AD" clId="Web-{379B8ED7-3003-4C71-923E-BF2DE77B632B}" dt="2022-11-24T13:48:49.018" v="106" actId="1076"/>
      <pc:docMkLst>
        <pc:docMk/>
      </pc:docMkLst>
      <pc:sldChg chg="addSp delSp modSp">
        <pc:chgData name="Lukasz Kutrzuba" userId="S::lukasz.kutrzuba@ericsson.com::362f5cc4-0ca4-4e9d-91a9-91fb4ffaabd5" providerId="AD" clId="Web-{379B8ED7-3003-4C71-923E-BF2DE77B632B}" dt="2022-11-24T13:47:31.906" v="83" actId="1076"/>
        <pc:sldMkLst>
          <pc:docMk/>
          <pc:sldMk cId="1936163950" sldId="295"/>
        </pc:sldMkLst>
        <pc:spChg chg="add mod">
          <ac:chgData name="Lukasz Kutrzuba" userId="S::lukasz.kutrzuba@ericsson.com::362f5cc4-0ca4-4e9d-91a9-91fb4ffaabd5" providerId="AD" clId="Web-{379B8ED7-3003-4C71-923E-BF2DE77B632B}" dt="2022-11-24T13:47:31.890" v="82" actId="1076"/>
          <ac:spMkLst>
            <pc:docMk/>
            <pc:sldMk cId="1936163950" sldId="295"/>
            <ac:spMk id="5" creationId="{4C1A252A-149B-FF9B-7B53-10F2A1AF0A66}"/>
          </ac:spMkLst>
        </pc:spChg>
        <pc:grpChg chg="del">
          <ac:chgData name="Lukasz Kutrzuba" userId="S::lukasz.kutrzuba@ericsson.com::362f5cc4-0ca4-4e9d-91a9-91fb4ffaabd5" providerId="AD" clId="Web-{379B8ED7-3003-4C71-923E-BF2DE77B632B}" dt="2022-11-24T13:47:29.219" v="79"/>
          <ac:grpSpMkLst>
            <pc:docMk/>
            <pc:sldMk cId="1936163950" sldId="295"/>
            <ac:grpSpMk id="34" creationId="{D7690601-41FB-48E1-A975-82C3D65A57AE}"/>
          </ac:grpSpMkLst>
        </pc:grpChg>
        <pc:picChg chg="add mod">
          <ac:chgData name="Lukasz Kutrzuba" userId="S::lukasz.kutrzuba@ericsson.com::362f5cc4-0ca4-4e9d-91a9-91fb4ffaabd5" providerId="AD" clId="Web-{379B8ED7-3003-4C71-923E-BF2DE77B632B}" dt="2022-11-24T13:47:31.906" v="83" actId="1076"/>
          <ac:picMkLst>
            <pc:docMk/>
            <pc:sldMk cId="1936163950" sldId="295"/>
            <ac:picMk id="7" creationId="{AF378E94-B71C-293F-6211-34DD1989638A}"/>
          </ac:picMkLst>
        </pc:picChg>
      </pc:sldChg>
      <pc:sldChg chg="addSp delSp modSp">
        <pc:chgData name="Lukasz Kutrzuba" userId="S::lukasz.kutrzuba@ericsson.com::362f5cc4-0ca4-4e9d-91a9-91fb4ffaabd5" providerId="AD" clId="Web-{379B8ED7-3003-4C71-923E-BF2DE77B632B}" dt="2022-11-24T13:47:43.453" v="87" actId="1076"/>
        <pc:sldMkLst>
          <pc:docMk/>
          <pc:sldMk cId="180152121" sldId="296"/>
        </pc:sldMkLst>
        <pc:spChg chg="add mod">
          <ac:chgData name="Lukasz Kutrzuba" userId="S::lukasz.kutrzuba@ericsson.com::362f5cc4-0ca4-4e9d-91a9-91fb4ffaabd5" providerId="AD" clId="Web-{379B8ED7-3003-4C71-923E-BF2DE77B632B}" dt="2022-11-24T13:47:43.422" v="86" actId="1076"/>
          <ac:spMkLst>
            <pc:docMk/>
            <pc:sldMk cId="180152121" sldId="296"/>
            <ac:spMk id="4" creationId="{96A7D7EE-0309-B8EE-7D95-83FA007D72A5}"/>
          </ac:spMkLst>
        </pc:spChg>
        <pc:spChg chg="topLvl">
          <ac:chgData name="Lukasz Kutrzuba" userId="S::lukasz.kutrzuba@ericsson.com::362f5cc4-0ca4-4e9d-91a9-91fb4ffaabd5" providerId="AD" clId="Web-{379B8ED7-3003-4C71-923E-BF2DE77B632B}" dt="2022-11-24T13:46:45.139" v="67"/>
          <ac:spMkLst>
            <pc:docMk/>
            <pc:sldMk cId="180152121" sldId="296"/>
            <ac:spMk id="23" creationId="{6D693696-2613-4FD6-BBB4-3A0B066DB886}"/>
          </ac:spMkLst>
        </pc:spChg>
        <pc:grpChg chg="add del">
          <ac:chgData name="Lukasz Kutrzuba" userId="S::lukasz.kutrzuba@ericsson.com::362f5cc4-0ca4-4e9d-91a9-91fb4ffaabd5" providerId="AD" clId="Web-{379B8ED7-3003-4C71-923E-BF2DE77B632B}" dt="2022-11-24T13:47:41.031" v="84"/>
          <ac:grpSpMkLst>
            <pc:docMk/>
            <pc:sldMk cId="180152121" sldId="296"/>
            <ac:grpSpMk id="3" creationId="{E9C5DDA0-6B95-C579-B826-6F1BB9734220}"/>
          </ac:grpSpMkLst>
        </pc:grpChg>
        <pc:grpChg chg="del mod">
          <ac:chgData name="Lukasz Kutrzuba" userId="S::lukasz.kutrzuba@ericsson.com::362f5cc4-0ca4-4e9d-91a9-91fb4ffaabd5" providerId="AD" clId="Web-{379B8ED7-3003-4C71-923E-BF2DE77B632B}" dt="2022-11-24T13:46:45.139" v="67"/>
          <ac:grpSpMkLst>
            <pc:docMk/>
            <pc:sldMk cId="180152121" sldId="296"/>
            <ac:grpSpMk id="17" creationId="{8A952DAE-5D06-4D90-AF42-D7B3CE0790CA}"/>
          </ac:grpSpMkLst>
        </pc:grpChg>
        <pc:picChg chg="add mod">
          <ac:chgData name="Lukasz Kutrzuba" userId="S::lukasz.kutrzuba@ericsson.com::362f5cc4-0ca4-4e9d-91a9-91fb4ffaabd5" providerId="AD" clId="Web-{379B8ED7-3003-4C71-923E-BF2DE77B632B}" dt="2022-11-24T13:47:13.609" v="77" actId="14100"/>
          <ac:picMkLst>
            <pc:docMk/>
            <pc:sldMk cId="180152121" sldId="296"/>
            <ac:picMk id="2" creationId="{8F3B1867-D8C6-3578-809E-84BA8602E114}"/>
          </ac:picMkLst>
        </pc:picChg>
        <pc:picChg chg="add mod">
          <ac:chgData name="Lukasz Kutrzuba" userId="S::lukasz.kutrzuba@ericsson.com::362f5cc4-0ca4-4e9d-91a9-91fb4ffaabd5" providerId="AD" clId="Web-{379B8ED7-3003-4C71-923E-BF2DE77B632B}" dt="2022-11-24T13:47:43.453" v="87" actId="1076"/>
          <ac:picMkLst>
            <pc:docMk/>
            <pc:sldMk cId="180152121" sldId="296"/>
            <ac:picMk id="5" creationId="{AE7DCC0E-503B-8643-7A97-5BA6A5EE2C79}"/>
          </ac:picMkLst>
        </pc:picChg>
        <pc:picChg chg="del topLvl">
          <ac:chgData name="Lukasz Kutrzuba" userId="S::lukasz.kutrzuba@ericsson.com::362f5cc4-0ca4-4e9d-91a9-91fb4ffaabd5" providerId="AD" clId="Web-{379B8ED7-3003-4C71-923E-BF2DE77B632B}" dt="2022-11-24T13:46:49.405" v="68"/>
          <ac:picMkLst>
            <pc:docMk/>
            <pc:sldMk cId="180152121" sldId="296"/>
            <ac:picMk id="19" creationId="{0CB0ECD8-6C62-4A16-BCC9-351E77287C92}"/>
          </ac:picMkLst>
        </pc:picChg>
      </pc:sldChg>
      <pc:sldChg chg="modSp">
        <pc:chgData name="Lukasz Kutrzuba" userId="S::lukasz.kutrzuba@ericsson.com::362f5cc4-0ca4-4e9d-91a9-91fb4ffaabd5" providerId="AD" clId="Web-{379B8ED7-3003-4C71-923E-BF2DE77B632B}" dt="2022-11-24T13:42:40.678" v="64" actId="20577"/>
        <pc:sldMkLst>
          <pc:docMk/>
          <pc:sldMk cId="2530289182" sldId="297"/>
        </pc:sldMkLst>
        <pc:spChg chg="mod">
          <ac:chgData name="Lukasz Kutrzuba" userId="S::lukasz.kutrzuba@ericsson.com::362f5cc4-0ca4-4e9d-91a9-91fb4ffaabd5" providerId="AD" clId="Web-{379B8ED7-3003-4C71-923E-BF2DE77B632B}" dt="2022-11-24T13:42:40.678" v="64" actId="20577"/>
          <ac:spMkLst>
            <pc:docMk/>
            <pc:sldMk cId="2530289182" sldId="297"/>
            <ac:spMk id="14" creationId="{B6CA66AD-D631-4C5E-A924-BC952D4B4394}"/>
          </ac:spMkLst>
        </pc:spChg>
      </pc:sldChg>
      <pc:sldChg chg="addSp delSp modSp">
        <pc:chgData name="Lukasz Kutrzuba" userId="S::lukasz.kutrzuba@ericsson.com::362f5cc4-0ca4-4e9d-91a9-91fb4ffaabd5" providerId="AD" clId="Web-{379B8ED7-3003-4C71-923E-BF2DE77B632B}" dt="2022-11-24T13:47:59.704" v="93" actId="1076"/>
        <pc:sldMkLst>
          <pc:docMk/>
          <pc:sldMk cId="3666522024" sldId="307"/>
        </pc:sldMkLst>
        <pc:spChg chg="add">
          <ac:chgData name="Lukasz Kutrzuba" userId="S::lukasz.kutrzuba@ericsson.com::362f5cc4-0ca4-4e9d-91a9-91fb4ffaabd5" providerId="AD" clId="Web-{379B8ED7-3003-4C71-923E-BF2DE77B632B}" dt="2022-11-24T13:47:52.391" v="89"/>
          <ac:spMkLst>
            <pc:docMk/>
            <pc:sldMk cId="3666522024" sldId="307"/>
            <ac:spMk id="3" creationId="{254C4257-AC43-12D3-CBA8-3FC0D00AF6E7}"/>
          </ac:spMkLst>
        </pc:spChg>
        <pc:grpChg chg="del">
          <ac:chgData name="Lukasz Kutrzuba" userId="S::lukasz.kutrzuba@ericsson.com::362f5cc4-0ca4-4e9d-91a9-91fb4ffaabd5" providerId="AD" clId="Web-{379B8ED7-3003-4C71-923E-BF2DE77B632B}" dt="2022-11-24T13:47:51.938" v="88"/>
          <ac:grpSpMkLst>
            <pc:docMk/>
            <pc:sldMk cId="3666522024" sldId="307"/>
            <ac:grpSpMk id="17" creationId="{8A952DAE-5D06-4D90-AF42-D7B3CE0790CA}"/>
          </ac:grpSpMkLst>
        </pc:grpChg>
        <pc:picChg chg="add mod">
          <ac:chgData name="Lukasz Kutrzuba" userId="S::lukasz.kutrzuba@ericsson.com::362f5cc4-0ca4-4e9d-91a9-91fb4ffaabd5" providerId="AD" clId="Web-{379B8ED7-3003-4C71-923E-BF2DE77B632B}" dt="2022-11-24T13:47:59.704" v="93" actId="1076"/>
          <ac:picMkLst>
            <pc:docMk/>
            <pc:sldMk cId="3666522024" sldId="307"/>
            <ac:picMk id="5" creationId="{C600E640-0889-3DAD-C02B-3A7A3D5B754E}"/>
          </ac:picMkLst>
        </pc:picChg>
        <pc:picChg chg="mod">
          <ac:chgData name="Lukasz Kutrzuba" userId="S::lukasz.kutrzuba@ericsson.com::362f5cc4-0ca4-4e9d-91a9-91fb4ffaabd5" providerId="AD" clId="Web-{379B8ED7-3003-4C71-923E-BF2DE77B632B}" dt="2022-11-24T13:47:57.188" v="92" actId="1076"/>
          <ac:picMkLst>
            <pc:docMk/>
            <pc:sldMk cId="3666522024" sldId="307"/>
            <ac:picMk id="11" creationId="{404A1566-ED9A-489B-8B64-B6D843A7786E}"/>
          </ac:picMkLst>
        </pc:picChg>
      </pc:sldChg>
      <pc:sldChg chg="addSp delSp modSp">
        <pc:chgData name="Lukasz Kutrzuba" userId="S::lukasz.kutrzuba@ericsson.com::362f5cc4-0ca4-4e9d-91a9-91fb4ffaabd5" providerId="AD" clId="Web-{379B8ED7-3003-4C71-923E-BF2DE77B632B}" dt="2022-11-24T13:48:24.252" v="99"/>
        <pc:sldMkLst>
          <pc:docMk/>
          <pc:sldMk cId="1804972876" sldId="308"/>
        </pc:sldMkLst>
        <pc:spChg chg="add mod">
          <ac:chgData name="Lukasz Kutrzuba" userId="S::lukasz.kutrzuba@ericsson.com::362f5cc4-0ca4-4e9d-91a9-91fb4ffaabd5" providerId="AD" clId="Web-{379B8ED7-3003-4C71-923E-BF2DE77B632B}" dt="2022-11-24T13:48:20.548" v="98" actId="1076"/>
          <ac:spMkLst>
            <pc:docMk/>
            <pc:sldMk cId="1804972876" sldId="308"/>
            <ac:spMk id="3" creationId="{3BD7FB58-27F4-848E-78AD-4F99451BF1C1}"/>
          </ac:spMkLst>
        </pc:spChg>
        <pc:grpChg chg="add">
          <ac:chgData name="Lukasz Kutrzuba" userId="S::lukasz.kutrzuba@ericsson.com::362f5cc4-0ca4-4e9d-91a9-91fb4ffaabd5" providerId="AD" clId="Web-{379B8ED7-3003-4C71-923E-BF2DE77B632B}" dt="2022-11-24T13:48:24.252" v="99"/>
          <ac:grpSpMkLst>
            <pc:docMk/>
            <pc:sldMk cId="1804972876" sldId="308"/>
            <ac:grpSpMk id="9" creationId="{24F8BE13-83BE-4516-A7F6-1D56FD5A6F1F}"/>
          </ac:grpSpMkLst>
        </pc:grpChg>
        <pc:grpChg chg="del">
          <ac:chgData name="Lukasz Kutrzuba" userId="S::lukasz.kutrzuba@ericsson.com::362f5cc4-0ca4-4e9d-91a9-91fb4ffaabd5" providerId="AD" clId="Web-{379B8ED7-3003-4C71-923E-BF2DE77B632B}" dt="2022-11-24T13:48:06.970" v="94"/>
          <ac:grpSpMkLst>
            <pc:docMk/>
            <pc:sldMk cId="1804972876" sldId="308"/>
            <ac:grpSpMk id="17" creationId="{8A952DAE-5D06-4D90-AF42-D7B3CE0790CA}"/>
          </ac:grpSpMkLst>
        </pc:grpChg>
        <pc:picChg chg="add mod">
          <ac:chgData name="Lukasz Kutrzuba" userId="S::lukasz.kutrzuba@ericsson.com::362f5cc4-0ca4-4e9d-91a9-91fb4ffaabd5" providerId="AD" clId="Web-{379B8ED7-3003-4C71-923E-BF2DE77B632B}" dt="2022-11-24T13:48:14.814" v="97" actId="1076"/>
          <ac:picMkLst>
            <pc:docMk/>
            <pc:sldMk cId="1804972876" sldId="308"/>
            <ac:picMk id="8" creationId="{352C0C6F-7541-1BBD-1634-48B9657B6FB4}"/>
          </ac:picMkLst>
        </pc:picChg>
      </pc:sldChg>
      <pc:sldChg chg="addSp delSp modSp">
        <pc:chgData name="Lukasz Kutrzuba" userId="S::lukasz.kutrzuba@ericsson.com::362f5cc4-0ca4-4e9d-91a9-91fb4ffaabd5" providerId="AD" clId="Web-{379B8ED7-3003-4C71-923E-BF2DE77B632B}" dt="2022-11-24T13:48:41.221" v="103" actId="1076"/>
        <pc:sldMkLst>
          <pc:docMk/>
          <pc:sldMk cId="982755593" sldId="309"/>
        </pc:sldMkLst>
        <pc:grpChg chg="add mod">
          <ac:chgData name="Lukasz Kutrzuba" userId="S::lukasz.kutrzuba@ericsson.com::362f5cc4-0ca4-4e9d-91a9-91fb4ffaabd5" providerId="AD" clId="Web-{379B8ED7-3003-4C71-923E-BF2DE77B632B}" dt="2022-11-24T13:48:41.221" v="103" actId="1076"/>
          <ac:grpSpMkLst>
            <pc:docMk/>
            <pc:sldMk cId="982755593" sldId="309"/>
            <ac:grpSpMk id="7" creationId="{9A6370F3-BD16-EA57-72B5-E7322E239C5A}"/>
          </ac:grpSpMkLst>
        </pc:grpChg>
        <pc:grpChg chg="del">
          <ac:chgData name="Lukasz Kutrzuba" userId="S::lukasz.kutrzuba@ericsson.com::362f5cc4-0ca4-4e9d-91a9-91fb4ffaabd5" providerId="AD" clId="Web-{379B8ED7-3003-4C71-923E-BF2DE77B632B}" dt="2022-11-24T13:48:35.471" v="100"/>
          <ac:grpSpMkLst>
            <pc:docMk/>
            <pc:sldMk cId="982755593" sldId="309"/>
            <ac:grpSpMk id="17" creationId="{8A952DAE-5D06-4D90-AF42-D7B3CE0790CA}"/>
          </ac:grpSpMkLst>
        </pc:grpChg>
      </pc:sldChg>
      <pc:sldChg chg="addSp delSp modSp">
        <pc:chgData name="Lukasz Kutrzuba" userId="S::lukasz.kutrzuba@ericsson.com::362f5cc4-0ca4-4e9d-91a9-91fb4ffaabd5" providerId="AD" clId="Web-{379B8ED7-3003-4C71-923E-BF2DE77B632B}" dt="2022-11-24T13:48:49.018" v="106" actId="1076"/>
        <pc:sldMkLst>
          <pc:docMk/>
          <pc:sldMk cId="928204253" sldId="310"/>
        </pc:sldMkLst>
        <pc:grpChg chg="add mod">
          <ac:chgData name="Lukasz Kutrzuba" userId="S::lukasz.kutrzuba@ericsson.com::362f5cc4-0ca4-4e9d-91a9-91fb4ffaabd5" providerId="AD" clId="Web-{379B8ED7-3003-4C71-923E-BF2DE77B632B}" dt="2022-11-24T13:48:49.018" v="106" actId="1076"/>
          <ac:grpSpMkLst>
            <pc:docMk/>
            <pc:sldMk cId="928204253" sldId="310"/>
            <ac:grpSpMk id="8" creationId="{2D391C7E-5CFA-F25F-8478-2AA7DD865438}"/>
          </ac:grpSpMkLst>
        </pc:grpChg>
        <pc:grpChg chg="del">
          <ac:chgData name="Lukasz Kutrzuba" userId="S::lukasz.kutrzuba@ericsson.com::362f5cc4-0ca4-4e9d-91a9-91fb4ffaabd5" providerId="AD" clId="Web-{379B8ED7-3003-4C71-923E-BF2DE77B632B}" dt="2022-11-24T13:48:44.065" v="104"/>
          <ac:grpSpMkLst>
            <pc:docMk/>
            <pc:sldMk cId="928204253" sldId="310"/>
            <ac:grpSpMk id="17" creationId="{8A952DAE-5D06-4D90-AF42-D7B3CE0790CA}"/>
          </ac:grpSpMkLst>
        </pc:grpChg>
      </pc:sldChg>
    </pc:docChg>
  </pc:docChgLst>
  <pc:docChgLst>
    <pc:chgData name="Lukasz Kutrzuba" userId="S::lukasz.kutrzuba@ericsson.com::362f5cc4-0ca4-4e9d-91a9-91fb4ffaabd5" providerId="AD" clId="Web-{BD9E037C-0F02-4892-84A4-215BC783C5B7}"/>
    <pc:docChg chg="modSld">
      <pc:chgData name="Lukasz Kutrzuba" userId="S::lukasz.kutrzuba@ericsson.com::362f5cc4-0ca4-4e9d-91a9-91fb4ffaabd5" providerId="AD" clId="Web-{BD9E037C-0F02-4892-84A4-215BC783C5B7}" dt="2022-12-01T14:14:18.523" v="0" actId="1076"/>
      <pc:docMkLst>
        <pc:docMk/>
      </pc:docMkLst>
      <pc:sldChg chg="modSp">
        <pc:chgData name="Lukasz Kutrzuba" userId="S::lukasz.kutrzuba@ericsson.com::362f5cc4-0ca4-4e9d-91a9-91fb4ffaabd5" providerId="AD" clId="Web-{BD9E037C-0F02-4892-84A4-215BC783C5B7}" dt="2022-12-01T14:14:18.523" v="0" actId="1076"/>
        <pc:sldMkLst>
          <pc:docMk/>
          <pc:sldMk cId="1800252558" sldId="298"/>
        </pc:sldMkLst>
        <pc:spChg chg="mod">
          <ac:chgData name="Lukasz Kutrzuba" userId="S::lukasz.kutrzuba@ericsson.com::362f5cc4-0ca4-4e9d-91a9-91fb4ffaabd5" providerId="AD" clId="Web-{BD9E037C-0F02-4892-84A4-215BC783C5B7}" dt="2022-12-01T14:14:18.523" v="0" actId="1076"/>
          <ac:spMkLst>
            <pc:docMk/>
            <pc:sldMk cId="1800252558" sldId="298"/>
            <ac:spMk id="2" creationId="{079E4AE5-5882-4799-9510-0BE6C2E73F2E}"/>
          </ac:spMkLst>
        </pc:spChg>
      </pc:sldChg>
    </pc:docChg>
  </pc:docChgLst>
  <pc:docChgLst>
    <pc:chgData name="Lukasz Kutrzuba" userId="S::lukasz.kutrzuba@ericsson.com::362f5cc4-0ca4-4e9d-91a9-91fb4ffaabd5" providerId="AD" clId="Web-{05CC06B0-B05A-48EE-90DB-B3B9215BA314}"/>
    <pc:docChg chg="modSld">
      <pc:chgData name="Lukasz Kutrzuba" userId="S::lukasz.kutrzuba@ericsson.com::362f5cc4-0ca4-4e9d-91a9-91fb4ffaabd5" providerId="AD" clId="Web-{05CC06B0-B05A-48EE-90DB-B3B9215BA314}" dt="2022-12-02T01:16:34.558" v="71" actId="1076"/>
      <pc:docMkLst>
        <pc:docMk/>
      </pc:docMkLst>
      <pc:sldChg chg="modSp">
        <pc:chgData name="Lukasz Kutrzuba" userId="S::lukasz.kutrzuba@ericsson.com::362f5cc4-0ca4-4e9d-91a9-91fb4ffaabd5" providerId="AD" clId="Web-{05CC06B0-B05A-48EE-90DB-B3B9215BA314}" dt="2022-12-02T01:16:34.558" v="71" actId="1076"/>
        <pc:sldMkLst>
          <pc:docMk/>
          <pc:sldMk cId="3087742105" sldId="336"/>
        </pc:sldMkLst>
        <pc:spChg chg="mod">
          <ac:chgData name="Lukasz Kutrzuba" userId="S::lukasz.kutrzuba@ericsson.com::362f5cc4-0ca4-4e9d-91a9-91fb4ffaabd5" providerId="AD" clId="Web-{05CC06B0-B05A-48EE-90DB-B3B9215BA314}" dt="2022-12-02T01:16:32.042" v="70" actId="1076"/>
          <ac:spMkLst>
            <pc:docMk/>
            <pc:sldMk cId="3087742105" sldId="336"/>
            <ac:spMk id="14" creationId="{B6CA66AD-D631-4C5E-A924-BC952D4B4394}"/>
          </ac:spMkLst>
        </pc:spChg>
        <pc:picChg chg="mod">
          <ac:chgData name="Lukasz Kutrzuba" userId="S::lukasz.kutrzuba@ericsson.com::362f5cc4-0ca4-4e9d-91a9-91fb4ffaabd5" providerId="AD" clId="Web-{05CC06B0-B05A-48EE-90DB-B3B9215BA314}" dt="2022-12-02T01:16:34.558" v="71" actId="1076"/>
          <ac:picMkLst>
            <pc:docMk/>
            <pc:sldMk cId="3087742105" sldId="336"/>
            <ac:picMk id="11" creationId="{0E576531-C57F-40D2-B1B9-E41B583CA182}"/>
          </ac:picMkLst>
        </pc:picChg>
      </pc:sldChg>
    </pc:docChg>
  </pc:docChgLst>
  <pc:docChgLst>
    <pc:chgData name="Lukasz Kutrzuba" userId="S::lukasz.kutrzuba@ericsson.com::362f5cc4-0ca4-4e9d-91a9-91fb4ffaabd5" providerId="AD" clId="Web-{9A62161A-7B5A-43F9-87B6-0A926CBA3F9D}"/>
    <pc:docChg chg="addSld delSld modSld">
      <pc:chgData name="Lukasz Kutrzuba" userId="S::lukasz.kutrzuba@ericsson.com::362f5cc4-0ca4-4e9d-91a9-91fb4ffaabd5" providerId="AD" clId="Web-{9A62161A-7B5A-43F9-87B6-0A926CBA3F9D}" dt="2022-12-01T14:56:05.591" v="142" actId="20577"/>
      <pc:docMkLst>
        <pc:docMk/>
      </pc:docMkLst>
      <pc:sldChg chg="modSp">
        <pc:chgData name="Lukasz Kutrzuba" userId="S::lukasz.kutrzuba@ericsson.com::362f5cc4-0ca4-4e9d-91a9-91fb4ffaabd5" providerId="AD" clId="Web-{9A62161A-7B5A-43F9-87B6-0A926CBA3F9D}" dt="2022-12-01T14:56:05.591" v="142" actId="20577"/>
        <pc:sldMkLst>
          <pc:docMk/>
          <pc:sldMk cId="1804972876" sldId="308"/>
        </pc:sldMkLst>
        <pc:spChg chg="mod">
          <ac:chgData name="Lukasz Kutrzuba" userId="S::lukasz.kutrzuba@ericsson.com::362f5cc4-0ca4-4e9d-91a9-91fb4ffaabd5" providerId="AD" clId="Web-{9A62161A-7B5A-43F9-87B6-0A926CBA3F9D}" dt="2022-12-01T14:55:49.762" v="135" actId="20577"/>
          <ac:spMkLst>
            <pc:docMk/>
            <pc:sldMk cId="1804972876" sldId="308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9A62161A-7B5A-43F9-87B6-0A926CBA3F9D}" dt="2022-12-01T14:56:05.591" v="142" actId="20577"/>
          <ac:spMkLst>
            <pc:docMk/>
            <pc:sldMk cId="1804972876" sldId="308"/>
            <ac:spMk id="14" creationId="{B6CA66AD-D631-4C5E-A924-BC952D4B4394}"/>
          </ac:spMkLst>
        </pc:spChg>
      </pc:sldChg>
      <pc:sldChg chg="del">
        <pc:chgData name="Lukasz Kutrzuba" userId="S::lukasz.kutrzuba@ericsson.com::362f5cc4-0ca4-4e9d-91a9-91fb4ffaabd5" providerId="AD" clId="Web-{9A62161A-7B5A-43F9-87B6-0A926CBA3F9D}" dt="2022-12-01T14:51:35.990" v="78"/>
        <pc:sldMkLst>
          <pc:docMk/>
          <pc:sldMk cId="1239809112" sldId="364"/>
        </pc:sldMkLst>
      </pc:sldChg>
      <pc:sldChg chg="del">
        <pc:chgData name="Lukasz Kutrzuba" userId="S::lukasz.kutrzuba@ericsson.com::362f5cc4-0ca4-4e9d-91a9-91fb4ffaabd5" providerId="AD" clId="Web-{9A62161A-7B5A-43F9-87B6-0A926CBA3F9D}" dt="2022-12-01T14:52:07.710" v="87"/>
        <pc:sldMkLst>
          <pc:docMk/>
          <pc:sldMk cId="1911641625" sldId="365"/>
        </pc:sldMkLst>
      </pc:sldChg>
      <pc:sldChg chg="addSp modSp">
        <pc:chgData name="Lukasz Kutrzuba" userId="S::lukasz.kutrzuba@ericsson.com::362f5cc4-0ca4-4e9d-91a9-91fb4ffaabd5" providerId="AD" clId="Web-{9A62161A-7B5A-43F9-87B6-0A926CBA3F9D}" dt="2022-12-01T14:50:43.129" v="60" actId="1076"/>
        <pc:sldMkLst>
          <pc:docMk/>
          <pc:sldMk cId="1578233730" sldId="366"/>
        </pc:sldMkLst>
        <pc:spChg chg="add mod">
          <ac:chgData name="Lukasz Kutrzuba" userId="S::lukasz.kutrzuba@ericsson.com::362f5cc4-0ca4-4e9d-91a9-91fb4ffaabd5" providerId="AD" clId="Web-{9A62161A-7B5A-43F9-87B6-0A926CBA3F9D}" dt="2022-12-01T14:50:40.223" v="59" actId="1076"/>
          <ac:spMkLst>
            <pc:docMk/>
            <pc:sldMk cId="1578233730" sldId="366"/>
            <ac:spMk id="2" creationId="{811BCDE6-2B83-2D65-DD50-2CC8D1C67B33}"/>
          </ac:spMkLst>
        </pc:spChg>
        <pc:spChg chg="mod">
          <ac:chgData name="Lukasz Kutrzuba" userId="S::lukasz.kutrzuba@ericsson.com::362f5cc4-0ca4-4e9d-91a9-91fb4ffaabd5" providerId="AD" clId="Web-{9A62161A-7B5A-43F9-87B6-0A926CBA3F9D}" dt="2022-12-01T14:50:43.129" v="60" actId="1076"/>
          <ac:spMkLst>
            <pc:docMk/>
            <pc:sldMk cId="1578233730" sldId="366"/>
            <ac:spMk id="12" creationId="{4FFB8876-A80B-45BF-B457-69F329D40EAB}"/>
          </ac:spMkLst>
        </pc:spChg>
      </pc:sldChg>
      <pc:sldChg chg="del">
        <pc:chgData name="Lukasz Kutrzuba" userId="S::lukasz.kutrzuba@ericsson.com::362f5cc4-0ca4-4e9d-91a9-91fb4ffaabd5" providerId="AD" clId="Web-{9A62161A-7B5A-43F9-87B6-0A926CBA3F9D}" dt="2022-12-01T14:52:35.757" v="103"/>
        <pc:sldMkLst>
          <pc:docMk/>
          <pc:sldMk cId="4218571809" sldId="368"/>
        </pc:sldMkLst>
      </pc:sldChg>
      <pc:sldChg chg="del">
        <pc:chgData name="Lukasz Kutrzuba" userId="S::lukasz.kutrzuba@ericsson.com::362f5cc4-0ca4-4e9d-91a9-91fb4ffaabd5" providerId="AD" clId="Web-{9A62161A-7B5A-43F9-87B6-0A926CBA3F9D}" dt="2022-12-01T14:52:59.039" v="110"/>
        <pc:sldMkLst>
          <pc:docMk/>
          <pc:sldMk cId="4289374089" sldId="369"/>
        </pc:sldMkLst>
      </pc:sldChg>
      <pc:sldChg chg="del">
        <pc:chgData name="Lukasz Kutrzuba" userId="S::lukasz.kutrzuba@ericsson.com::362f5cc4-0ca4-4e9d-91a9-91fb4ffaabd5" providerId="AD" clId="Web-{9A62161A-7B5A-43F9-87B6-0A926CBA3F9D}" dt="2022-12-01T14:53:42.399" v="121"/>
        <pc:sldMkLst>
          <pc:docMk/>
          <pc:sldMk cId="2478874553" sldId="370"/>
        </pc:sldMkLst>
      </pc:sldChg>
      <pc:sldChg chg="del">
        <pc:chgData name="Lukasz Kutrzuba" userId="S::lukasz.kutrzuba@ericsson.com::362f5cc4-0ca4-4e9d-91a9-91fb4ffaabd5" providerId="AD" clId="Web-{9A62161A-7B5A-43F9-87B6-0A926CBA3F9D}" dt="2022-12-01T14:54:21.604" v="128"/>
        <pc:sldMkLst>
          <pc:docMk/>
          <pc:sldMk cId="2898093207" sldId="371"/>
        </pc:sldMkLst>
      </pc:sldChg>
      <pc:sldChg chg="modSp">
        <pc:chgData name="Lukasz Kutrzuba" userId="S::lukasz.kutrzuba@ericsson.com::362f5cc4-0ca4-4e9d-91a9-91fb4ffaabd5" providerId="AD" clId="Web-{9A62161A-7B5A-43F9-87B6-0A926CBA3F9D}" dt="2022-12-01T14:54:38.948" v="131" actId="20577"/>
        <pc:sldMkLst>
          <pc:docMk/>
          <pc:sldMk cId="273443621" sldId="372"/>
        </pc:sldMkLst>
        <pc:spChg chg="mod">
          <ac:chgData name="Lukasz Kutrzuba" userId="S::lukasz.kutrzuba@ericsson.com::362f5cc4-0ca4-4e9d-91a9-91fb4ffaabd5" providerId="AD" clId="Web-{9A62161A-7B5A-43F9-87B6-0A926CBA3F9D}" dt="2022-12-01T14:54:38.948" v="131" actId="20577"/>
          <ac:spMkLst>
            <pc:docMk/>
            <pc:sldMk cId="273443621" sldId="372"/>
            <ac:spMk id="12" creationId="{4FFB8876-A80B-45BF-B457-69F329D40EAB}"/>
          </ac:spMkLst>
        </pc:spChg>
      </pc:sldChg>
      <pc:sldChg chg="modSp add replId">
        <pc:chgData name="Lukasz Kutrzuba" userId="S::lukasz.kutrzuba@ericsson.com::362f5cc4-0ca4-4e9d-91a9-91fb4ffaabd5" providerId="AD" clId="Web-{9A62161A-7B5A-43F9-87B6-0A926CBA3F9D}" dt="2022-12-01T14:51:31.365" v="77" actId="20577"/>
        <pc:sldMkLst>
          <pc:docMk/>
          <pc:sldMk cId="3746881630" sldId="373"/>
        </pc:sldMkLst>
        <pc:spChg chg="mod">
          <ac:chgData name="Lukasz Kutrzuba" userId="S::lukasz.kutrzuba@ericsson.com::362f5cc4-0ca4-4e9d-91a9-91fb4ffaabd5" providerId="AD" clId="Web-{9A62161A-7B5A-43F9-87B6-0A926CBA3F9D}" dt="2022-12-01T14:51:31.365" v="77" actId="20577"/>
          <ac:spMkLst>
            <pc:docMk/>
            <pc:sldMk cId="3746881630" sldId="373"/>
            <ac:spMk id="12" creationId="{4FFB8876-A80B-45BF-B457-69F329D40EAB}"/>
          </ac:spMkLst>
        </pc:spChg>
      </pc:sldChg>
      <pc:sldChg chg="modSp add replId">
        <pc:chgData name="Lukasz Kutrzuba" userId="S::lukasz.kutrzuba@ericsson.com::362f5cc4-0ca4-4e9d-91a9-91fb4ffaabd5" providerId="AD" clId="Web-{9A62161A-7B5A-43F9-87B6-0A926CBA3F9D}" dt="2022-12-01T14:52:05.272" v="86" actId="1076"/>
        <pc:sldMkLst>
          <pc:docMk/>
          <pc:sldMk cId="3194558073" sldId="374"/>
        </pc:sldMkLst>
        <pc:spChg chg="mod">
          <ac:chgData name="Lukasz Kutrzuba" userId="S::lukasz.kutrzuba@ericsson.com::362f5cc4-0ca4-4e9d-91a9-91fb4ffaabd5" providerId="AD" clId="Web-{9A62161A-7B5A-43F9-87B6-0A926CBA3F9D}" dt="2022-12-01T14:52:05.272" v="86" actId="1076"/>
          <ac:spMkLst>
            <pc:docMk/>
            <pc:sldMk cId="3194558073" sldId="374"/>
            <ac:spMk id="12" creationId="{4FFB8876-A80B-45BF-B457-69F329D40EAB}"/>
          </ac:spMkLst>
        </pc:spChg>
      </pc:sldChg>
      <pc:sldChg chg="modSp add replId">
        <pc:chgData name="Lukasz Kutrzuba" userId="S::lukasz.kutrzuba@ericsson.com::362f5cc4-0ca4-4e9d-91a9-91fb4ffaabd5" providerId="AD" clId="Web-{9A62161A-7B5A-43F9-87B6-0A926CBA3F9D}" dt="2022-12-01T14:52:32.491" v="102" actId="1076"/>
        <pc:sldMkLst>
          <pc:docMk/>
          <pc:sldMk cId="1651465430" sldId="375"/>
        </pc:sldMkLst>
        <pc:spChg chg="mod">
          <ac:chgData name="Lukasz Kutrzuba" userId="S::lukasz.kutrzuba@ericsson.com::362f5cc4-0ca4-4e9d-91a9-91fb4ffaabd5" providerId="AD" clId="Web-{9A62161A-7B5A-43F9-87B6-0A926CBA3F9D}" dt="2022-12-01T14:52:32.491" v="102" actId="1076"/>
          <ac:spMkLst>
            <pc:docMk/>
            <pc:sldMk cId="1651465430" sldId="375"/>
            <ac:spMk id="12" creationId="{4FFB8876-A80B-45BF-B457-69F329D40EAB}"/>
          </ac:spMkLst>
        </pc:spChg>
      </pc:sldChg>
      <pc:sldChg chg="modSp add replId">
        <pc:chgData name="Lukasz Kutrzuba" userId="S::lukasz.kutrzuba@ericsson.com::362f5cc4-0ca4-4e9d-91a9-91fb4ffaabd5" providerId="AD" clId="Web-{9A62161A-7B5A-43F9-87B6-0A926CBA3F9D}" dt="2022-12-01T14:52:56.461" v="109" actId="1076"/>
        <pc:sldMkLst>
          <pc:docMk/>
          <pc:sldMk cId="3253330224" sldId="376"/>
        </pc:sldMkLst>
        <pc:spChg chg="mod">
          <ac:chgData name="Lukasz Kutrzuba" userId="S::lukasz.kutrzuba@ericsson.com::362f5cc4-0ca4-4e9d-91a9-91fb4ffaabd5" providerId="AD" clId="Web-{9A62161A-7B5A-43F9-87B6-0A926CBA3F9D}" dt="2022-12-01T14:52:56.461" v="109" actId="1076"/>
          <ac:spMkLst>
            <pc:docMk/>
            <pc:sldMk cId="3253330224" sldId="376"/>
            <ac:spMk id="12" creationId="{4FFB8876-A80B-45BF-B457-69F329D40EAB}"/>
          </ac:spMkLst>
        </pc:spChg>
      </pc:sldChg>
      <pc:sldChg chg="modSp add replId">
        <pc:chgData name="Lukasz Kutrzuba" userId="S::lukasz.kutrzuba@ericsson.com::362f5cc4-0ca4-4e9d-91a9-91fb4ffaabd5" providerId="AD" clId="Web-{9A62161A-7B5A-43F9-87B6-0A926CBA3F9D}" dt="2022-12-01T14:53:47.025" v="122" actId="1076"/>
        <pc:sldMkLst>
          <pc:docMk/>
          <pc:sldMk cId="2130784387" sldId="377"/>
        </pc:sldMkLst>
        <pc:spChg chg="mod">
          <ac:chgData name="Lukasz Kutrzuba" userId="S::lukasz.kutrzuba@ericsson.com::362f5cc4-0ca4-4e9d-91a9-91fb4ffaabd5" providerId="AD" clId="Web-{9A62161A-7B5A-43F9-87B6-0A926CBA3F9D}" dt="2022-12-01T14:53:47.025" v="122" actId="1076"/>
          <ac:spMkLst>
            <pc:docMk/>
            <pc:sldMk cId="2130784387" sldId="377"/>
            <ac:spMk id="12" creationId="{4FFB8876-A80B-45BF-B457-69F329D40EAB}"/>
          </ac:spMkLst>
        </pc:spChg>
      </pc:sldChg>
      <pc:sldChg chg="modSp add replId">
        <pc:chgData name="Lukasz Kutrzuba" userId="S::lukasz.kutrzuba@ericsson.com::362f5cc4-0ca4-4e9d-91a9-91fb4ffaabd5" providerId="AD" clId="Web-{9A62161A-7B5A-43F9-87B6-0A926CBA3F9D}" dt="2022-12-01T14:54:19.963" v="127" actId="20577"/>
        <pc:sldMkLst>
          <pc:docMk/>
          <pc:sldMk cId="3024463532" sldId="378"/>
        </pc:sldMkLst>
        <pc:spChg chg="mod">
          <ac:chgData name="Lukasz Kutrzuba" userId="S::lukasz.kutrzuba@ericsson.com::362f5cc4-0ca4-4e9d-91a9-91fb4ffaabd5" providerId="AD" clId="Web-{9A62161A-7B5A-43F9-87B6-0A926CBA3F9D}" dt="2022-12-01T14:54:19.963" v="127" actId="20577"/>
          <ac:spMkLst>
            <pc:docMk/>
            <pc:sldMk cId="3024463532" sldId="378"/>
            <ac:spMk id="12" creationId="{4FFB8876-A80B-45BF-B457-69F329D40EAB}"/>
          </ac:spMkLst>
        </pc:spChg>
      </pc:sldChg>
    </pc:docChg>
  </pc:docChgLst>
  <pc:docChgLst>
    <pc:chgData name="Lukasz Kutrzuba" userId="S::lukasz.kutrzuba@ericsson.com::362f5cc4-0ca4-4e9d-91a9-91fb4ffaabd5" providerId="AD" clId="Web-{5A6B802D-C81D-4E1C-8C8E-9E100D5680F5}"/>
    <pc:docChg chg="addSld modSld sldOrd">
      <pc:chgData name="Lukasz Kutrzuba" userId="S::lukasz.kutrzuba@ericsson.com::362f5cc4-0ca4-4e9d-91a9-91fb4ffaabd5" providerId="AD" clId="Web-{5A6B802D-C81D-4E1C-8C8E-9E100D5680F5}" dt="2022-12-01T12:45:57.590" v="146" actId="20577"/>
      <pc:docMkLst>
        <pc:docMk/>
      </pc:docMkLst>
      <pc:sldChg chg="ord">
        <pc:chgData name="Lukasz Kutrzuba" userId="S::lukasz.kutrzuba@ericsson.com::362f5cc4-0ca4-4e9d-91a9-91fb4ffaabd5" providerId="AD" clId="Web-{5A6B802D-C81D-4E1C-8C8E-9E100D5680F5}" dt="2022-12-01T12:34:39.295" v="2"/>
        <pc:sldMkLst>
          <pc:docMk/>
          <pc:sldMk cId="2563490891" sldId="327"/>
        </pc:sldMkLst>
      </pc:sldChg>
      <pc:sldChg chg="ord">
        <pc:chgData name="Lukasz Kutrzuba" userId="S::lukasz.kutrzuba@ericsson.com::362f5cc4-0ca4-4e9d-91a9-91fb4ffaabd5" providerId="AD" clId="Web-{5A6B802D-C81D-4E1C-8C8E-9E100D5680F5}" dt="2022-12-01T12:32:02.101" v="0"/>
        <pc:sldMkLst>
          <pc:docMk/>
          <pc:sldMk cId="2510979623" sldId="361"/>
        </pc:sldMkLst>
      </pc:sldChg>
      <pc:sldChg chg="ord">
        <pc:chgData name="Lukasz Kutrzuba" userId="S::lukasz.kutrzuba@ericsson.com::362f5cc4-0ca4-4e9d-91a9-91fb4ffaabd5" providerId="AD" clId="Web-{5A6B802D-C81D-4E1C-8C8E-9E100D5680F5}" dt="2022-12-01T12:34:37.936" v="1"/>
        <pc:sldMkLst>
          <pc:docMk/>
          <pc:sldMk cId="1993494209" sldId="362"/>
        </pc:sldMkLst>
      </pc:sldChg>
      <pc:sldChg chg="delSp modSp add ord replId">
        <pc:chgData name="Lukasz Kutrzuba" userId="S::lukasz.kutrzuba@ericsson.com::362f5cc4-0ca4-4e9d-91a9-91fb4ffaabd5" providerId="AD" clId="Web-{5A6B802D-C81D-4E1C-8C8E-9E100D5680F5}" dt="2022-12-01T12:43:58.226" v="109" actId="20577"/>
        <pc:sldMkLst>
          <pc:docMk/>
          <pc:sldMk cId="1239809112" sldId="364"/>
        </pc:sldMkLst>
        <pc:spChg chg="mod">
          <ac:chgData name="Lukasz Kutrzuba" userId="S::lukasz.kutrzuba@ericsson.com::362f5cc4-0ca4-4e9d-91a9-91fb4ffaabd5" providerId="AD" clId="Web-{5A6B802D-C81D-4E1C-8C8E-9E100D5680F5}" dt="2022-12-01T12:43:58.226" v="109" actId="20577"/>
          <ac:spMkLst>
            <pc:docMk/>
            <pc:sldMk cId="1239809112" sldId="364"/>
            <ac:spMk id="12" creationId="{4FFB8876-A80B-45BF-B457-69F329D40EAB}"/>
          </ac:spMkLst>
        </pc:spChg>
        <pc:spChg chg="del mod">
          <ac:chgData name="Lukasz Kutrzuba" userId="S::lukasz.kutrzuba@ericsson.com::362f5cc4-0ca4-4e9d-91a9-91fb4ffaabd5" providerId="AD" clId="Web-{5A6B802D-C81D-4E1C-8C8E-9E100D5680F5}" dt="2022-12-01T12:38:34.696" v="33"/>
          <ac:spMkLst>
            <pc:docMk/>
            <pc:sldMk cId="1239809112" sldId="364"/>
            <ac:spMk id="14" creationId="{B6CA66AD-D631-4C5E-A924-BC952D4B4394}"/>
          </ac:spMkLst>
        </pc:spChg>
        <pc:picChg chg="del">
          <ac:chgData name="Lukasz Kutrzuba" userId="S::lukasz.kutrzuba@ericsson.com::362f5cc4-0ca4-4e9d-91a9-91fb4ffaabd5" providerId="AD" clId="Web-{5A6B802D-C81D-4E1C-8C8E-9E100D5680F5}" dt="2022-12-01T12:38:15.133" v="28"/>
          <ac:picMkLst>
            <pc:docMk/>
            <pc:sldMk cId="1239809112" sldId="364"/>
            <ac:picMk id="7" creationId="{9DB8DC34-D774-44AB-869B-00D80B7954F9}"/>
          </ac:picMkLst>
        </pc:picChg>
      </pc:sldChg>
      <pc:sldChg chg="modSp add ord replId">
        <pc:chgData name="Lukasz Kutrzuba" userId="S::lukasz.kutrzuba@ericsson.com::362f5cc4-0ca4-4e9d-91a9-91fb4ffaabd5" providerId="AD" clId="Web-{5A6B802D-C81D-4E1C-8C8E-9E100D5680F5}" dt="2022-12-01T12:43:55.335" v="108" actId="20577"/>
        <pc:sldMkLst>
          <pc:docMk/>
          <pc:sldMk cId="1911641625" sldId="365"/>
        </pc:sldMkLst>
        <pc:spChg chg="mod">
          <ac:chgData name="Lukasz Kutrzuba" userId="S::lukasz.kutrzuba@ericsson.com::362f5cc4-0ca4-4e9d-91a9-91fb4ffaabd5" providerId="AD" clId="Web-{5A6B802D-C81D-4E1C-8C8E-9E100D5680F5}" dt="2022-12-01T12:43:55.335" v="108" actId="20577"/>
          <ac:spMkLst>
            <pc:docMk/>
            <pc:sldMk cId="1911641625" sldId="365"/>
            <ac:spMk id="12" creationId="{4FFB8876-A80B-45BF-B457-69F329D40EAB}"/>
          </ac:spMkLst>
        </pc:spChg>
      </pc:sldChg>
      <pc:sldChg chg="modSp add replId">
        <pc:chgData name="Lukasz Kutrzuba" userId="S::lukasz.kutrzuba@ericsson.com::362f5cc4-0ca4-4e9d-91a9-91fb4ffaabd5" providerId="AD" clId="Web-{5A6B802D-C81D-4E1C-8C8E-9E100D5680F5}" dt="2022-12-01T12:44:08.070" v="110" actId="20577"/>
        <pc:sldMkLst>
          <pc:docMk/>
          <pc:sldMk cId="1578233730" sldId="366"/>
        </pc:sldMkLst>
        <pc:spChg chg="mod">
          <ac:chgData name="Lukasz Kutrzuba" userId="S::lukasz.kutrzuba@ericsson.com::362f5cc4-0ca4-4e9d-91a9-91fb4ffaabd5" providerId="AD" clId="Web-{5A6B802D-C81D-4E1C-8C8E-9E100D5680F5}" dt="2022-12-01T12:44:08.070" v="110" actId="20577"/>
          <ac:spMkLst>
            <pc:docMk/>
            <pc:sldMk cId="1578233730" sldId="366"/>
            <ac:spMk id="12" creationId="{4FFB8876-A80B-45BF-B457-69F329D40EAB}"/>
          </ac:spMkLst>
        </pc:spChg>
      </pc:sldChg>
      <pc:sldChg chg="delSp modSp add replId">
        <pc:chgData name="Lukasz Kutrzuba" userId="S::lukasz.kutrzuba@ericsson.com::362f5cc4-0ca4-4e9d-91a9-91fb4ffaabd5" providerId="AD" clId="Web-{5A6B802D-C81D-4E1C-8C8E-9E100D5680F5}" dt="2022-12-01T12:43:24.630" v="98" actId="20577"/>
        <pc:sldMkLst>
          <pc:docMk/>
          <pc:sldMk cId="774280809" sldId="367"/>
        </pc:sldMkLst>
        <pc:spChg chg="mod">
          <ac:chgData name="Lukasz Kutrzuba" userId="S::lukasz.kutrzuba@ericsson.com::362f5cc4-0ca4-4e9d-91a9-91fb4ffaabd5" providerId="AD" clId="Web-{5A6B802D-C81D-4E1C-8C8E-9E100D5680F5}" dt="2022-12-01T12:43:24.630" v="98" actId="20577"/>
          <ac:spMkLst>
            <pc:docMk/>
            <pc:sldMk cId="774280809" sldId="367"/>
            <ac:spMk id="9" creationId="{BC8328B3-46B9-814A-9805-A5626BF21769}"/>
          </ac:spMkLst>
        </pc:spChg>
        <pc:picChg chg="del">
          <ac:chgData name="Lukasz Kutrzuba" userId="S::lukasz.kutrzuba@ericsson.com::362f5cc4-0ca4-4e9d-91a9-91fb4ffaabd5" providerId="AD" clId="Web-{5A6B802D-C81D-4E1C-8C8E-9E100D5680F5}" dt="2022-12-01T12:43:17.880" v="93"/>
          <ac:picMkLst>
            <pc:docMk/>
            <pc:sldMk cId="774280809" sldId="367"/>
            <ac:picMk id="3" creationId="{3389EC28-F9C4-4DB5-8873-DDE2BC3B5312}"/>
          </ac:picMkLst>
        </pc:picChg>
      </pc:sldChg>
      <pc:sldChg chg="modSp add replId">
        <pc:chgData name="Lukasz Kutrzuba" userId="S::lukasz.kutrzuba@ericsson.com::362f5cc4-0ca4-4e9d-91a9-91fb4ffaabd5" providerId="AD" clId="Web-{5A6B802D-C81D-4E1C-8C8E-9E100D5680F5}" dt="2022-12-01T12:43:49.647" v="107" actId="20577"/>
        <pc:sldMkLst>
          <pc:docMk/>
          <pc:sldMk cId="4218571809" sldId="368"/>
        </pc:sldMkLst>
        <pc:spChg chg="mod">
          <ac:chgData name="Lukasz Kutrzuba" userId="S::lukasz.kutrzuba@ericsson.com::362f5cc4-0ca4-4e9d-91a9-91fb4ffaabd5" providerId="AD" clId="Web-{5A6B802D-C81D-4E1C-8C8E-9E100D5680F5}" dt="2022-12-01T12:43:49.647" v="107" actId="20577"/>
          <ac:spMkLst>
            <pc:docMk/>
            <pc:sldMk cId="4218571809" sldId="368"/>
            <ac:spMk id="12" creationId="{4FFB8876-A80B-45BF-B457-69F329D40EAB}"/>
          </ac:spMkLst>
        </pc:spChg>
      </pc:sldChg>
      <pc:sldChg chg="modSp add replId">
        <pc:chgData name="Lukasz Kutrzuba" userId="S::lukasz.kutrzuba@ericsson.com::362f5cc4-0ca4-4e9d-91a9-91fb4ffaabd5" providerId="AD" clId="Web-{5A6B802D-C81D-4E1C-8C8E-9E100D5680F5}" dt="2022-12-01T12:44:48.837" v="125" actId="20577"/>
        <pc:sldMkLst>
          <pc:docMk/>
          <pc:sldMk cId="4289374089" sldId="369"/>
        </pc:sldMkLst>
        <pc:spChg chg="mod">
          <ac:chgData name="Lukasz Kutrzuba" userId="S::lukasz.kutrzuba@ericsson.com::362f5cc4-0ca4-4e9d-91a9-91fb4ffaabd5" providerId="AD" clId="Web-{5A6B802D-C81D-4E1C-8C8E-9E100D5680F5}" dt="2022-12-01T12:44:48.837" v="125" actId="20577"/>
          <ac:spMkLst>
            <pc:docMk/>
            <pc:sldMk cId="4289374089" sldId="369"/>
            <ac:spMk id="12" creationId="{4FFB8876-A80B-45BF-B457-69F329D40EAB}"/>
          </ac:spMkLst>
        </pc:spChg>
      </pc:sldChg>
      <pc:sldChg chg="modSp add replId">
        <pc:chgData name="Lukasz Kutrzuba" userId="S::lukasz.kutrzuba@ericsson.com::362f5cc4-0ca4-4e9d-91a9-91fb4ffaabd5" providerId="AD" clId="Web-{5A6B802D-C81D-4E1C-8C8E-9E100D5680F5}" dt="2022-12-01T12:45:28.870" v="142" actId="20577"/>
        <pc:sldMkLst>
          <pc:docMk/>
          <pc:sldMk cId="2478874553" sldId="370"/>
        </pc:sldMkLst>
        <pc:spChg chg="mod">
          <ac:chgData name="Lukasz Kutrzuba" userId="S::lukasz.kutrzuba@ericsson.com::362f5cc4-0ca4-4e9d-91a9-91fb4ffaabd5" providerId="AD" clId="Web-{5A6B802D-C81D-4E1C-8C8E-9E100D5680F5}" dt="2022-12-01T12:45:28.870" v="142" actId="20577"/>
          <ac:spMkLst>
            <pc:docMk/>
            <pc:sldMk cId="2478874553" sldId="370"/>
            <ac:spMk id="12" creationId="{4FFB8876-A80B-45BF-B457-69F329D40EAB}"/>
          </ac:spMkLst>
        </pc:spChg>
      </pc:sldChg>
      <pc:sldChg chg="modSp add replId">
        <pc:chgData name="Lukasz Kutrzuba" userId="S::lukasz.kutrzuba@ericsson.com::362f5cc4-0ca4-4e9d-91a9-91fb4ffaabd5" providerId="AD" clId="Web-{5A6B802D-C81D-4E1C-8C8E-9E100D5680F5}" dt="2022-12-01T12:45:57.590" v="146" actId="20577"/>
        <pc:sldMkLst>
          <pc:docMk/>
          <pc:sldMk cId="2898093207" sldId="371"/>
        </pc:sldMkLst>
        <pc:spChg chg="mod">
          <ac:chgData name="Lukasz Kutrzuba" userId="S::lukasz.kutrzuba@ericsson.com::362f5cc4-0ca4-4e9d-91a9-91fb4ffaabd5" providerId="AD" clId="Web-{5A6B802D-C81D-4E1C-8C8E-9E100D5680F5}" dt="2022-12-01T12:45:57.590" v="146" actId="20577"/>
          <ac:spMkLst>
            <pc:docMk/>
            <pc:sldMk cId="2898093207" sldId="371"/>
            <ac:spMk id="12" creationId="{4FFB8876-A80B-45BF-B457-69F329D40EAB}"/>
          </ac:spMkLst>
        </pc:spChg>
      </pc:sldChg>
    </pc:docChg>
  </pc:docChgLst>
  <pc:docChgLst>
    <pc:chgData name="Lukasz Kutrzuba" userId="S::lukasz.kutrzuba@ericsson.com::362f5cc4-0ca4-4e9d-91a9-91fb4ffaabd5" providerId="AD" clId="Web-{E6585403-190D-4186-A90A-E7B67111F5C6}"/>
    <pc:docChg chg="delSld modSld sldOrd">
      <pc:chgData name="Lukasz Kutrzuba" userId="S::lukasz.kutrzuba@ericsson.com::362f5cc4-0ca4-4e9d-91a9-91fb4ffaabd5" providerId="AD" clId="Web-{E6585403-190D-4186-A90A-E7B67111F5C6}" dt="2022-12-02T14:00:08.002" v="79"/>
      <pc:docMkLst>
        <pc:docMk/>
      </pc:docMkLst>
      <pc:sldChg chg="modSp">
        <pc:chgData name="Lukasz Kutrzuba" userId="S::lukasz.kutrzuba@ericsson.com::362f5cc4-0ca4-4e9d-91a9-91fb4ffaabd5" providerId="AD" clId="Web-{E6585403-190D-4186-A90A-E7B67111F5C6}" dt="2022-12-02T13:55:18.694" v="46" actId="1076"/>
        <pc:sldMkLst>
          <pc:docMk/>
          <pc:sldMk cId="3804979791" sldId="322"/>
        </pc:sldMkLst>
        <pc:spChg chg="mod">
          <ac:chgData name="Lukasz Kutrzuba" userId="S::lukasz.kutrzuba@ericsson.com::362f5cc4-0ca4-4e9d-91a9-91fb4ffaabd5" providerId="AD" clId="Web-{E6585403-190D-4186-A90A-E7B67111F5C6}" dt="2022-12-02T13:54:58.991" v="41" actId="1076"/>
          <ac:spMkLst>
            <pc:docMk/>
            <pc:sldMk cId="3804979791" sldId="322"/>
            <ac:spMk id="8" creationId="{A4276CE5-9B74-4AAA-8FE6-20830349954E}"/>
          </ac:spMkLst>
        </pc:spChg>
        <pc:spChg chg="mod">
          <ac:chgData name="Lukasz Kutrzuba" userId="S::lukasz.kutrzuba@ericsson.com::362f5cc4-0ca4-4e9d-91a9-91fb4ffaabd5" providerId="AD" clId="Web-{E6585403-190D-4186-A90A-E7B67111F5C6}" dt="2022-12-02T13:54:53.647" v="38" actId="14100"/>
          <ac:spMkLst>
            <pc:docMk/>
            <pc:sldMk cId="3804979791" sldId="322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E6585403-190D-4186-A90A-E7B67111F5C6}" dt="2022-12-02T13:55:14.007" v="45" actId="20577"/>
          <ac:spMkLst>
            <pc:docMk/>
            <pc:sldMk cId="3804979791" sldId="322"/>
            <ac:spMk id="14" creationId="{B6CA66AD-D631-4C5E-A924-BC952D4B4394}"/>
          </ac:spMkLst>
        </pc:spChg>
        <pc:picChg chg="mod">
          <ac:chgData name="Lukasz Kutrzuba" userId="S::lukasz.kutrzuba@ericsson.com::362f5cc4-0ca4-4e9d-91a9-91fb4ffaabd5" providerId="AD" clId="Web-{E6585403-190D-4186-A90A-E7B67111F5C6}" dt="2022-12-02T13:55:18.694" v="46" actId="1076"/>
          <ac:picMkLst>
            <pc:docMk/>
            <pc:sldMk cId="3804979791" sldId="322"/>
            <ac:picMk id="7" creationId="{DF07C60E-6D65-4F20-8EDF-2565D66F2306}"/>
          </ac:picMkLst>
        </pc:picChg>
      </pc:sldChg>
      <pc:sldChg chg="modSp mod modShow">
        <pc:chgData name="Lukasz Kutrzuba" userId="S::lukasz.kutrzuba@ericsson.com::362f5cc4-0ca4-4e9d-91a9-91fb4ffaabd5" providerId="AD" clId="Web-{E6585403-190D-4186-A90A-E7B67111F5C6}" dt="2022-12-02T13:55:34.179" v="51"/>
        <pc:sldMkLst>
          <pc:docMk/>
          <pc:sldMk cId="2824569955" sldId="328"/>
        </pc:sldMkLst>
        <pc:spChg chg="mod">
          <ac:chgData name="Lukasz Kutrzuba" userId="S::lukasz.kutrzuba@ericsson.com::362f5cc4-0ca4-4e9d-91a9-91fb4ffaabd5" providerId="AD" clId="Web-{E6585403-190D-4186-A90A-E7B67111F5C6}" dt="2022-12-02T13:55:31.742" v="50" actId="20577"/>
          <ac:spMkLst>
            <pc:docMk/>
            <pc:sldMk cId="2824569955" sldId="328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E6585403-190D-4186-A90A-E7B67111F5C6}" dt="2022-12-02T13:59:08.640" v="61" actId="14100"/>
        <pc:sldMkLst>
          <pc:docMk/>
          <pc:sldMk cId="2678793186" sldId="345"/>
        </pc:sldMkLst>
        <pc:picChg chg="mod">
          <ac:chgData name="Lukasz Kutrzuba" userId="S::lukasz.kutrzuba@ericsson.com::362f5cc4-0ca4-4e9d-91a9-91fb4ffaabd5" providerId="AD" clId="Web-{E6585403-190D-4186-A90A-E7B67111F5C6}" dt="2022-12-02T13:59:08.640" v="61" actId="14100"/>
          <ac:picMkLst>
            <pc:docMk/>
            <pc:sldMk cId="2678793186" sldId="345"/>
            <ac:picMk id="10" creationId="{3DBEB729-1203-44C5-AFA2-B745B6A191BC}"/>
          </ac:picMkLst>
        </pc:picChg>
      </pc:sldChg>
      <pc:sldChg chg="modSp mod modShow">
        <pc:chgData name="Lukasz Kutrzuba" userId="S::lukasz.kutrzuba@ericsson.com::362f5cc4-0ca4-4e9d-91a9-91fb4ffaabd5" providerId="AD" clId="Web-{E6585403-190D-4186-A90A-E7B67111F5C6}" dt="2022-12-02T13:55:48.414" v="52"/>
        <pc:sldMkLst>
          <pc:docMk/>
          <pc:sldMk cId="2687784262" sldId="348"/>
        </pc:sldMkLst>
        <pc:spChg chg="mod">
          <ac:chgData name="Lukasz Kutrzuba" userId="S::lukasz.kutrzuba@ericsson.com::362f5cc4-0ca4-4e9d-91a9-91fb4ffaabd5" providerId="AD" clId="Web-{E6585403-190D-4186-A90A-E7B67111F5C6}" dt="2022-12-02T13:51:37.124" v="4" actId="20577"/>
          <ac:spMkLst>
            <pc:docMk/>
            <pc:sldMk cId="2687784262" sldId="348"/>
            <ac:spMk id="12" creationId="{4FFB8876-A80B-45BF-B457-69F329D40EAB}"/>
          </ac:spMkLst>
        </pc:spChg>
      </pc:sldChg>
      <pc:sldChg chg="modSp">
        <pc:chgData name="Lukasz Kutrzuba" userId="S::lukasz.kutrzuba@ericsson.com::362f5cc4-0ca4-4e9d-91a9-91fb4ffaabd5" providerId="AD" clId="Web-{E6585403-190D-4186-A90A-E7B67111F5C6}" dt="2022-12-02T13:57:11.011" v="58" actId="20577"/>
        <pc:sldMkLst>
          <pc:docMk/>
          <pc:sldMk cId="1750462366" sldId="349"/>
        </pc:sldMkLst>
        <pc:spChg chg="mod">
          <ac:chgData name="Lukasz Kutrzuba" userId="S::lukasz.kutrzuba@ericsson.com::362f5cc4-0ca4-4e9d-91a9-91fb4ffaabd5" providerId="AD" clId="Web-{E6585403-190D-4186-A90A-E7B67111F5C6}" dt="2022-12-02T13:57:11.011" v="58" actId="20577"/>
          <ac:spMkLst>
            <pc:docMk/>
            <pc:sldMk cId="1750462366" sldId="349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E6585403-190D-4186-A90A-E7B67111F5C6}" dt="2022-12-02T13:51:31.733" v="0" actId="20577"/>
        <pc:sldMkLst>
          <pc:docMk/>
          <pc:sldMk cId="3477690341" sldId="359"/>
        </pc:sldMkLst>
        <pc:spChg chg="mod">
          <ac:chgData name="Lukasz Kutrzuba" userId="S::lukasz.kutrzuba@ericsson.com::362f5cc4-0ca4-4e9d-91a9-91fb4ffaabd5" providerId="AD" clId="Web-{E6585403-190D-4186-A90A-E7B67111F5C6}" dt="2022-12-02T13:51:31.733" v="0" actId="20577"/>
          <ac:spMkLst>
            <pc:docMk/>
            <pc:sldMk cId="3477690341" sldId="359"/>
            <ac:spMk id="12" creationId="{4FFB8876-A80B-45BF-B457-69F329D40EAB}"/>
          </ac:spMkLst>
        </pc:spChg>
      </pc:sldChg>
      <pc:sldChg chg="modSp ord">
        <pc:chgData name="Lukasz Kutrzuba" userId="S::lukasz.kutrzuba@ericsson.com::362f5cc4-0ca4-4e9d-91a9-91fb4ffaabd5" providerId="AD" clId="Web-{E6585403-190D-4186-A90A-E7B67111F5C6}" dt="2022-12-02T14:00:04.064" v="77" actId="1076"/>
        <pc:sldMkLst>
          <pc:docMk/>
          <pc:sldMk cId="1651465430" sldId="375"/>
        </pc:sldMkLst>
        <pc:spChg chg="mod">
          <ac:chgData name="Lukasz Kutrzuba" userId="S::lukasz.kutrzuba@ericsson.com::362f5cc4-0ca4-4e9d-91a9-91fb4ffaabd5" providerId="AD" clId="Web-{E6585403-190D-4186-A90A-E7B67111F5C6}" dt="2022-12-02T14:00:04.064" v="77" actId="1076"/>
          <ac:spMkLst>
            <pc:docMk/>
            <pc:sldMk cId="1651465430" sldId="375"/>
            <ac:spMk id="2" creationId="{811BCDE6-2B83-2D65-DD50-2CC8D1C67B33}"/>
          </ac:spMkLst>
        </pc:spChg>
        <pc:spChg chg="mod">
          <ac:chgData name="Lukasz Kutrzuba" userId="S::lukasz.kutrzuba@ericsson.com::362f5cc4-0ca4-4e9d-91a9-91fb4ffaabd5" providerId="AD" clId="Web-{E6585403-190D-4186-A90A-E7B67111F5C6}" dt="2022-12-02T14:00:02.033" v="76" actId="1076"/>
          <ac:spMkLst>
            <pc:docMk/>
            <pc:sldMk cId="1651465430" sldId="375"/>
            <ac:spMk id="12" creationId="{4FFB8876-A80B-45BF-B457-69F329D40EAB}"/>
          </ac:spMkLst>
        </pc:spChg>
      </pc:sldChg>
      <pc:sldChg chg="del ord">
        <pc:chgData name="Lukasz Kutrzuba" userId="S::lukasz.kutrzuba@ericsson.com::362f5cc4-0ca4-4e9d-91a9-91fb4ffaabd5" providerId="AD" clId="Web-{E6585403-190D-4186-A90A-E7B67111F5C6}" dt="2022-12-02T14:00:07.330" v="78"/>
        <pc:sldMkLst>
          <pc:docMk/>
          <pc:sldMk cId="3253330224" sldId="376"/>
        </pc:sldMkLst>
      </pc:sldChg>
      <pc:sldChg chg="modSp del ord">
        <pc:chgData name="Lukasz Kutrzuba" userId="S::lukasz.kutrzuba@ericsson.com::362f5cc4-0ca4-4e9d-91a9-91fb4ffaabd5" providerId="AD" clId="Web-{E6585403-190D-4186-A90A-E7B67111F5C6}" dt="2022-12-02T14:00:08.002" v="79"/>
        <pc:sldMkLst>
          <pc:docMk/>
          <pc:sldMk cId="3024463532" sldId="378"/>
        </pc:sldMkLst>
        <pc:spChg chg="mod">
          <ac:chgData name="Lukasz Kutrzuba" userId="S::lukasz.kutrzuba@ericsson.com::362f5cc4-0ca4-4e9d-91a9-91fb4ffaabd5" providerId="AD" clId="Web-{E6585403-190D-4186-A90A-E7B67111F5C6}" dt="2022-12-02T13:59:30.297" v="66" actId="1076"/>
          <ac:spMkLst>
            <pc:docMk/>
            <pc:sldMk cId="3024463532" sldId="378"/>
            <ac:spMk id="12" creationId="{4FFB8876-A80B-45BF-B457-69F329D40EAB}"/>
          </ac:spMkLst>
        </pc:spChg>
      </pc:sldChg>
      <pc:sldChg chg="modSp mod modShow">
        <pc:chgData name="Lukasz Kutrzuba" userId="S::lukasz.kutrzuba@ericsson.com::362f5cc4-0ca4-4e9d-91a9-91fb4ffaabd5" providerId="AD" clId="Web-{E6585403-190D-4186-A90A-E7B67111F5C6}" dt="2022-12-02T13:55:50.461" v="53"/>
        <pc:sldMkLst>
          <pc:docMk/>
          <pc:sldMk cId="1154792189" sldId="380"/>
        </pc:sldMkLst>
        <pc:spChg chg="mod">
          <ac:chgData name="Lukasz Kutrzuba" userId="S::lukasz.kutrzuba@ericsson.com::362f5cc4-0ca4-4e9d-91a9-91fb4ffaabd5" providerId="AD" clId="Web-{E6585403-190D-4186-A90A-E7B67111F5C6}" dt="2022-12-02T13:51:39.780" v="8" actId="20577"/>
          <ac:spMkLst>
            <pc:docMk/>
            <pc:sldMk cId="1154792189" sldId="380"/>
            <ac:spMk id="12" creationId="{4FFB8876-A80B-45BF-B457-69F329D40EAB}"/>
          </ac:spMkLst>
        </pc:spChg>
      </pc:sldChg>
    </pc:docChg>
  </pc:docChgLst>
  <pc:docChgLst>
    <pc:chgData name="Lukasz Kutrzuba" userId="S::lukasz.kutrzuba@ericsson.com::362f5cc4-0ca4-4e9d-91a9-91fb4ffaabd5" providerId="AD" clId="Web-{F4D336B0-615B-4EED-A4B9-6285E7F427C1}"/>
    <pc:docChg chg="modSld">
      <pc:chgData name="Lukasz Kutrzuba" userId="S::lukasz.kutrzuba@ericsson.com::362f5cc4-0ca4-4e9d-91a9-91fb4ffaabd5" providerId="AD" clId="Web-{F4D336B0-615B-4EED-A4B9-6285E7F427C1}" dt="2022-11-24T14:50:10.451" v="6" actId="20577"/>
      <pc:docMkLst>
        <pc:docMk/>
      </pc:docMkLst>
      <pc:sldChg chg="modSp">
        <pc:chgData name="Lukasz Kutrzuba" userId="S::lukasz.kutrzuba@ericsson.com::362f5cc4-0ca4-4e9d-91a9-91fb4ffaabd5" providerId="AD" clId="Web-{F4D336B0-615B-4EED-A4B9-6285E7F427C1}" dt="2022-11-24T14:50:02.388" v="3" actId="20577"/>
        <pc:sldMkLst>
          <pc:docMk/>
          <pc:sldMk cId="3399295466" sldId="324"/>
        </pc:sldMkLst>
        <pc:spChg chg="mod">
          <ac:chgData name="Lukasz Kutrzuba" userId="S::lukasz.kutrzuba@ericsson.com::362f5cc4-0ca4-4e9d-91a9-91fb4ffaabd5" providerId="AD" clId="Web-{F4D336B0-615B-4EED-A4B9-6285E7F427C1}" dt="2022-11-24T14:50:02.388" v="3" actId="20577"/>
          <ac:spMkLst>
            <pc:docMk/>
            <pc:sldMk cId="3399295466" sldId="324"/>
            <ac:spMk id="12" creationId="{4FFB8876-A80B-45BF-B457-69F329D40EAB}"/>
          </ac:spMkLst>
        </pc:spChg>
      </pc:sldChg>
      <pc:sldChg chg="modSp">
        <pc:chgData name="Lukasz Kutrzuba" userId="S::lukasz.kutrzuba@ericsson.com::362f5cc4-0ca4-4e9d-91a9-91fb4ffaabd5" providerId="AD" clId="Web-{F4D336B0-615B-4EED-A4B9-6285E7F427C1}" dt="2022-11-24T14:50:10.451" v="6" actId="20577"/>
        <pc:sldMkLst>
          <pc:docMk/>
          <pc:sldMk cId="1899471179" sldId="330"/>
        </pc:sldMkLst>
        <pc:spChg chg="mod">
          <ac:chgData name="Lukasz Kutrzuba" userId="S::lukasz.kutrzuba@ericsson.com::362f5cc4-0ca4-4e9d-91a9-91fb4ffaabd5" providerId="AD" clId="Web-{F4D336B0-615B-4EED-A4B9-6285E7F427C1}" dt="2022-11-24T14:50:10.451" v="6" actId="20577"/>
          <ac:spMkLst>
            <pc:docMk/>
            <pc:sldMk cId="1899471179" sldId="330"/>
            <ac:spMk id="12" creationId="{4FFB8876-A80B-45BF-B457-69F329D40EAB}"/>
          </ac:spMkLst>
        </pc:spChg>
      </pc:sldChg>
    </pc:docChg>
  </pc:docChgLst>
  <pc:docChgLst>
    <pc:chgData name="Lukasz Kutrzuba" userId="S::lukasz.kutrzuba@ericsson.com::362f5cc4-0ca4-4e9d-91a9-91fb4ffaabd5" providerId="AD" clId="Web-{4A2D4844-7436-4816-ABA0-580C458547A3}"/>
    <pc:docChg chg="modSld">
      <pc:chgData name="Lukasz Kutrzuba" userId="S::lukasz.kutrzuba@ericsson.com::362f5cc4-0ca4-4e9d-91a9-91fb4ffaabd5" providerId="AD" clId="Web-{4A2D4844-7436-4816-ABA0-580C458547A3}" dt="2022-11-30T12:28:43.961" v="15" actId="20577"/>
      <pc:docMkLst>
        <pc:docMk/>
      </pc:docMkLst>
      <pc:sldChg chg="modSp">
        <pc:chgData name="Lukasz Kutrzuba" userId="S::lukasz.kutrzuba@ericsson.com::362f5cc4-0ca4-4e9d-91a9-91fb4ffaabd5" providerId="AD" clId="Web-{4A2D4844-7436-4816-ABA0-580C458547A3}" dt="2022-11-30T12:28:43.961" v="15" actId="20577"/>
        <pc:sldMkLst>
          <pc:docMk/>
          <pc:sldMk cId="1388213951" sldId="293"/>
        </pc:sldMkLst>
        <pc:spChg chg="mod">
          <ac:chgData name="Lukasz Kutrzuba" userId="S::lukasz.kutrzuba@ericsson.com::362f5cc4-0ca4-4e9d-91a9-91fb4ffaabd5" providerId="AD" clId="Web-{4A2D4844-7436-4816-ABA0-580C458547A3}" dt="2022-11-30T12:28:26.664" v="2" actId="20577"/>
          <ac:spMkLst>
            <pc:docMk/>
            <pc:sldMk cId="1388213951" sldId="293"/>
            <ac:spMk id="14" creationId="{B6CA66AD-D631-4C5E-A924-BC952D4B4394}"/>
          </ac:spMkLst>
        </pc:spChg>
        <pc:spChg chg="mod">
          <ac:chgData name="Lukasz Kutrzuba" userId="S::lukasz.kutrzuba@ericsson.com::362f5cc4-0ca4-4e9d-91a9-91fb4ffaabd5" providerId="AD" clId="Web-{4A2D4844-7436-4816-ABA0-580C458547A3}" dt="2022-11-30T12:28:43.961" v="15" actId="20577"/>
          <ac:spMkLst>
            <pc:docMk/>
            <pc:sldMk cId="1388213951" sldId="293"/>
            <ac:spMk id="16" creationId="{BD35B5D5-64E3-4CC1-ABDC-8B5C51E947A3}"/>
          </ac:spMkLst>
        </pc:spChg>
      </pc:sldChg>
    </pc:docChg>
  </pc:docChgLst>
  <pc:docChgLst>
    <pc:chgData name="Lukasz Kutrzuba" userId="S::lukasz.kutrzuba@ericsson.com::362f5cc4-0ca4-4e9d-91a9-91fb4ffaabd5" providerId="AD" clId="Web-{A423FDBE-9726-4944-A627-8B94D2B38676}"/>
    <pc:docChg chg="modSld">
      <pc:chgData name="Lukasz Kutrzuba" userId="S::lukasz.kutrzuba@ericsson.com::362f5cc4-0ca4-4e9d-91a9-91fb4ffaabd5" providerId="AD" clId="Web-{A423FDBE-9726-4944-A627-8B94D2B38676}" dt="2022-11-24T14:25:55.042" v="31" actId="14100"/>
      <pc:docMkLst>
        <pc:docMk/>
      </pc:docMkLst>
      <pc:sldChg chg="addSp modSp">
        <pc:chgData name="Lukasz Kutrzuba" userId="S::lukasz.kutrzuba@ericsson.com::362f5cc4-0ca4-4e9d-91a9-91fb4ffaabd5" providerId="AD" clId="Web-{A423FDBE-9726-4944-A627-8B94D2B38676}" dt="2022-11-24T14:25:55.042" v="31" actId="14100"/>
        <pc:sldMkLst>
          <pc:docMk/>
          <pc:sldMk cId="2545479707" sldId="280"/>
        </pc:sldMkLst>
        <pc:picChg chg="add mod">
          <ac:chgData name="Lukasz Kutrzuba" userId="S::lukasz.kutrzuba@ericsson.com::362f5cc4-0ca4-4e9d-91a9-91fb4ffaabd5" providerId="AD" clId="Web-{A423FDBE-9726-4944-A627-8B94D2B38676}" dt="2022-11-24T14:25:27.088" v="15" actId="1076"/>
          <ac:picMkLst>
            <pc:docMk/>
            <pc:sldMk cId="2545479707" sldId="280"/>
            <ac:picMk id="2" creationId="{283BEA99-5021-35D9-016C-3D0C9EEFCAD6}"/>
          </ac:picMkLst>
        </pc:picChg>
        <pc:picChg chg="add mod">
          <ac:chgData name="Lukasz Kutrzuba" userId="S::lukasz.kutrzuba@ericsson.com::362f5cc4-0ca4-4e9d-91a9-91fb4ffaabd5" providerId="AD" clId="Web-{A423FDBE-9726-4944-A627-8B94D2B38676}" dt="2022-11-24T14:25:55.042" v="31" actId="14100"/>
          <ac:picMkLst>
            <pc:docMk/>
            <pc:sldMk cId="2545479707" sldId="280"/>
            <ac:picMk id="3" creationId="{BCC881D4-7207-DF2D-22C8-A40B634935B0}"/>
          </ac:picMkLst>
        </pc:picChg>
        <pc:picChg chg="mod">
          <ac:chgData name="Lukasz Kutrzuba" userId="S::lukasz.kutrzuba@ericsson.com::362f5cc4-0ca4-4e9d-91a9-91fb4ffaabd5" providerId="AD" clId="Web-{A423FDBE-9726-4944-A627-8B94D2B38676}" dt="2022-11-24T14:25:19.900" v="11" actId="1076"/>
          <ac:picMkLst>
            <pc:docMk/>
            <pc:sldMk cId="2545479707" sldId="280"/>
            <ac:picMk id="8" creationId="{4D74C5B5-BF4C-4743-835C-6D0ABC1B48CC}"/>
          </ac:picMkLst>
        </pc:picChg>
        <pc:picChg chg="mod">
          <ac:chgData name="Lukasz Kutrzuba" userId="S::lukasz.kutrzuba@ericsson.com::362f5cc4-0ca4-4e9d-91a9-91fb4ffaabd5" providerId="AD" clId="Web-{A423FDBE-9726-4944-A627-8B94D2B38676}" dt="2022-11-24T14:25:48.229" v="26" actId="1076"/>
          <ac:picMkLst>
            <pc:docMk/>
            <pc:sldMk cId="2545479707" sldId="280"/>
            <ac:picMk id="1026" creationId="{6A00C471-3383-4976-8714-786F620138AB}"/>
          </ac:picMkLst>
        </pc:picChg>
        <pc:picChg chg="mod">
          <ac:chgData name="Lukasz Kutrzuba" userId="S::lukasz.kutrzuba@ericsson.com::362f5cc4-0ca4-4e9d-91a9-91fb4ffaabd5" providerId="AD" clId="Web-{A423FDBE-9726-4944-A627-8B94D2B38676}" dt="2022-11-24T14:25:49.401" v="27" actId="1076"/>
          <ac:picMkLst>
            <pc:docMk/>
            <pc:sldMk cId="2545479707" sldId="280"/>
            <ac:picMk id="1030" creationId="{5697AC36-26D1-47A7-926E-6189D154EE35}"/>
          </ac:picMkLst>
        </pc:picChg>
        <pc:picChg chg="mod">
          <ac:chgData name="Lukasz Kutrzuba" userId="S::lukasz.kutrzuba@ericsson.com::362f5cc4-0ca4-4e9d-91a9-91fb4ffaabd5" providerId="AD" clId="Web-{A423FDBE-9726-4944-A627-8B94D2B38676}" dt="2022-11-24T14:25:47.370" v="25" actId="1076"/>
          <ac:picMkLst>
            <pc:docMk/>
            <pc:sldMk cId="2545479707" sldId="280"/>
            <ac:picMk id="1032" creationId="{6B33F243-693F-464E-AF2B-AFBEE6F27770}"/>
          </ac:picMkLst>
        </pc:picChg>
      </pc:sldChg>
    </pc:docChg>
  </pc:docChgLst>
  <pc:docChgLst>
    <pc:chgData name="Lukasz Kutrzuba" userId="S::lukasz.kutrzuba@ericsson.com::362f5cc4-0ca4-4e9d-91a9-91fb4ffaabd5" providerId="AD" clId="Web-{D197C0E2-DF6A-4A5E-8A57-3B0C8017DFB0}"/>
    <pc:docChg chg="modSld">
      <pc:chgData name="Lukasz Kutrzuba" userId="S::lukasz.kutrzuba@ericsson.com::362f5cc4-0ca4-4e9d-91a9-91fb4ffaabd5" providerId="AD" clId="Web-{D197C0E2-DF6A-4A5E-8A57-3B0C8017DFB0}" dt="2022-11-30T10:29:29.017" v="7" actId="20577"/>
      <pc:docMkLst>
        <pc:docMk/>
      </pc:docMkLst>
      <pc:sldChg chg="modSp">
        <pc:chgData name="Lukasz Kutrzuba" userId="S::lukasz.kutrzuba@ericsson.com::362f5cc4-0ca4-4e9d-91a9-91fb4ffaabd5" providerId="AD" clId="Web-{D197C0E2-DF6A-4A5E-8A57-3B0C8017DFB0}" dt="2022-11-30T10:29:29.017" v="7" actId="20577"/>
        <pc:sldMkLst>
          <pc:docMk/>
          <pc:sldMk cId="874184806" sldId="313"/>
        </pc:sldMkLst>
        <pc:spChg chg="mod">
          <ac:chgData name="Lukasz Kutrzuba" userId="S::lukasz.kutrzuba@ericsson.com::362f5cc4-0ca4-4e9d-91a9-91fb4ffaabd5" providerId="AD" clId="Web-{D197C0E2-DF6A-4A5E-8A57-3B0C8017DFB0}" dt="2022-11-30T10:29:29.017" v="7" actId="20577"/>
          <ac:spMkLst>
            <pc:docMk/>
            <pc:sldMk cId="874184806" sldId="313"/>
            <ac:spMk id="4" creationId="{30D65C50-9E13-DDA4-970F-26F97222ED72}"/>
          </ac:spMkLst>
        </pc:spChg>
      </pc:sldChg>
      <pc:sldChg chg="modSp">
        <pc:chgData name="Lukasz Kutrzuba" userId="S::lukasz.kutrzuba@ericsson.com::362f5cc4-0ca4-4e9d-91a9-91fb4ffaabd5" providerId="AD" clId="Web-{D197C0E2-DF6A-4A5E-8A57-3B0C8017DFB0}" dt="2022-11-30T10:28:05.843" v="2" actId="20577"/>
        <pc:sldMkLst>
          <pc:docMk/>
          <pc:sldMk cId="1750462366" sldId="349"/>
        </pc:sldMkLst>
        <pc:spChg chg="mod">
          <ac:chgData name="Lukasz Kutrzuba" userId="S::lukasz.kutrzuba@ericsson.com::362f5cc4-0ca4-4e9d-91a9-91fb4ffaabd5" providerId="AD" clId="Web-{D197C0E2-DF6A-4A5E-8A57-3B0C8017DFB0}" dt="2022-11-30T10:28:05.843" v="2" actId="20577"/>
          <ac:spMkLst>
            <pc:docMk/>
            <pc:sldMk cId="1750462366" sldId="349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D197C0E2-DF6A-4A5E-8A57-3B0C8017DFB0}" dt="2022-11-30T10:28:15.203" v="3" actId="20577"/>
        <pc:sldMkLst>
          <pc:docMk/>
          <pc:sldMk cId="3524012516" sldId="354"/>
        </pc:sldMkLst>
        <pc:spChg chg="mod">
          <ac:chgData name="Lukasz Kutrzuba" userId="S::lukasz.kutrzuba@ericsson.com::362f5cc4-0ca4-4e9d-91a9-91fb4ffaabd5" providerId="AD" clId="Web-{D197C0E2-DF6A-4A5E-8A57-3B0C8017DFB0}" dt="2022-11-30T10:28:15.203" v="3" actId="20577"/>
          <ac:spMkLst>
            <pc:docMk/>
            <pc:sldMk cId="3524012516" sldId="354"/>
            <ac:spMk id="9" creationId="{BC8328B3-46B9-814A-9805-A5626BF21769}"/>
          </ac:spMkLst>
        </pc:spChg>
      </pc:sldChg>
      <pc:sldChg chg="modSp">
        <pc:chgData name="Lukasz Kutrzuba" userId="S::lukasz.kutrzuba@ericsson.com::362f5cc4-0ca4-4e9d-91a9-91fb4ffaabd5" providerId="AD" clId="Web-{D197C0E2-DF6A-4A5E-8A57-3B0C8017DFB0}" dt="2022-11-30T10:29:22.345" v="5" actId="20577"/>
        <pc:sldMkLst>
          <pc:docMk/>
          <pc:sldMk cId="2957711237" sldId="355"/>
        </pc:sldMkLst>
        <pc:spChg chg="mod">
          <ac:chgData name="Lukasz Kutrzuba" userId="S::lukasz.kutrzuba@ericsson.com::362f5cc4-0ca4-4e9d-91a9-91fb4ffaabd5" providerId="AD" clId="Web-{D197C0E2-DF6A-4A5E-8A57-3B0C8017DFB0}" dt="2022-11-30T10:29:22.345" v="5" actId="20577"/>
          <ac:spMkLst>
            <pc:docMk/>
            <pc:sldMk cId="2957711237" sldId="355"/>
            <ac:spMk id="6" creationId="{220A79AD-610F-49BB-3D9F-1330991C6272}"/>
          </ac:spMkLst>
        </pc:spChg>
      </pc:sldChg>
    </pc:docChg>
  </pc:docChgLst>
  <pc:docChgLst>
    <pc:chgData name="Lukasz Kutrzuba" userId="S::lukasz.kutrzuba@ericsson.com::362f5cc4-0ca4-4e9d-91a9-91fb4ffaabd5" providerId="AD" clId="Web-{04631689-4451-44B9-A228-54BE8349543F}"/>
    <pc:docChg chg="delSld modSld">
      <pc:chgData name="Lukasz Kutrzuba" userId="S::lukasz.kutrzuba@ericsson.com::362f5cc4-0ca4-4e9d-91a9-91fb4ffaabd5" providerId="AD" clId="Web-{04631689-4451-44B9-A228-54BE8349543F}" dt="2022-12-03T10:06:03.455" v="53" actId="1076"/>
      <pc:docMkLst>
        <pc:docMk/>
      </pc:docMkLst>
      <pc:sldChg chg="mod modShow">
        <pc:chgData name="Lukasz Kutrzuba" userId="S::lukasz.kutrzuba@ericsson.com::362f5cc4-0ca4-4e9d-91a9-91fb4ffaabd5" providerId="AD" clId="Web-{04631689-4451-44B9-A228-54BE8349543F}" dt="2022-12-03T10:04:48.953" v="40"/>
        <pc:sldMkLst>
          <pc:docMk/>
          <pc:sldMk cId="1785458395" sldId="312"/>
        </pc:sldMkLst>
      </pc:sldChg>
      <pc:sldChg chg="addSp delSp modSp">
        <pc:chgData name="Lukasz Kutrzuba" userId="S::lukasz.kutrzuba@ericsson.com::362f5cc4-0ca4-4e9d-91a9-91fb4ffaabd5" providerId="AD" clId="Web-{04631689-4451-44B9-A228-54BE8349543F}" dt="2022-12-03T10:06:03.455" v="53" actId="1076"/>
        <pc:sldMkLst>
          <pc:docMk/>
          <pc:sldMk cId="874184806" sldId="313"/>
        </pc:sldMkLst>
        <pc:spChg chg="mod">
          <ac:chgData name="Lukasz Kutrzuba" userId="S::lukasz.kutrzuba@ericsson.com::362f5cc4-0ca4-4e9d-91a9-91fb4ffaabd5" providerId="AD" clId="Web-{04631689-4451-44B9-A228-54BE8349543F}" dt="2022-12-03T10:06:03.455" v="53" actId="1076"/>
          <ac:spMkLst>
            <pc:docMk/>
            <pc:sldMk cId="874184806" sldId="313"/>
            <ac:spMk id="4" creationId="{30D65C50-9E13-DDA4-970F-26F97222ED72}"/>
          </ac:spMkLst>
        </pc:spChg>
        <pc:picChg chg="del">
          <ac:chgData name="Lukasz Kutrzuba" userId="S::lukasz.kutrzuba@ericsson.com::362f5cc4-0ca4-4e9d-91a9-91fb4ffaabd5" providerId="AD" clId="Web-{04631689-4451-44B9-A228-54BE8349543F}" dt="2022-12-03T10:03:57.108" v="3"/>
          <ac:picMkLst>
            <pc:docMk/>
            <pc:sldMk cId="874184806" sldId="313"/>
            <ac:picMk id="2" creationId="{36C9B647-89EF-86FD-976D-6DE89BA44015}"/>
          </ac:picMkLst>
        </pc:picChg>
        <pc:picChg chg="add del mod ord">
          <ac:chgData name="Lukasz Kutrzuba" userId="S::lukasz.kutrzuba@ericsson.com::362f5cc4-0ca4-4e9d-91a9-91fb4ffaabd5" providerId="AD" clId="Web-{04631689-4451-44B9-A228-54BE8349543F}" dt="2022-12-03T10:05:32.298" v="41"/>
          <ac:picMkLst>
            <pc:docMk/>
            <pc:sldMk cId="874184806" sldId="313"/>
            <ac:picMk id="3" creationId="{9A52F07F-B30E-0C53-4621-0C3126790C15}"/>
          </ac:picMkLst>
        </pc:picChg>
        <pc:picChg chg="add mod">
          <ac:chgData name="Lukasz Kutrzuba" userId="S::lukasz.kutrzuba@ericsson.com::362f5cc4-0ca4-4e9d-91a9-91fb4ffaabd5" providerId="AD" clId="Web-{04631689-4451-44B9-A228-54BE8349543F}" dt="2022-12-03T10:05:50.423" v="47" actId="14100"/>
          <ac:picMkLst>
            <pc:docMk/>
            <pc:sldMk cId="874184806" sldId="313"/>
            <ac:picMk id="6" creationId="{3E55045A-F2BC-EEE1-6B34-17B19B170168}"/>
          </ac:picMkLst>
        </pc:picChg>
      </pc:sldChg>
      <pc:sldChg chg="mod modShow">
        <pc:chgData name="Lukasz Kutrzuba" userId="S::lukasz.kutrzuba@ericsson.com::362f5cc4-0ca4-4e9d-91a9-91fb4ffaabd5" providerId="AD" clId="Web-{04631689-4451-44B9-A228-54BE8349543F}" dt="2022-12-03T10:00:06.680" v="1"/>
        <pc:sldMkLst>
          <pc:docMk/>
          <pc:sldMk cId="71151763" sldId="316"/>
        </pc:sldMkLst>
      </pc:sldChg>
      <pc:sldChg chg="mod modShow">
        <pc:chgData name="Lukasz Kutrzuba" userId="S::lukasz.kutrzuba@ericsson.com::362f5cc4-0ca4-4e9d-91a9-91fb4ffaabd5" providerId="AD" clId="Web-{04631689-4451-44B9-A228-54BE8349543F}" dt="2022-12-03T10:00:01.727" v="0"/>
        <pc:sldMkLst>
          <pc:docMk/>
          <pc:sldMk cId="1824887045" sldId="318"/>
        </pc:sldMkLst>
      </pc:sldChg>
      <pc:sldChg chg="del">
        <pc:chgData name="Lukasz Kutrzuba" userId="S::lukasz.kutrzuba@ericsson.com::362f5cc4-0ca4-4e9d-91a9-91fb4ffaabd5" providerId="AD" clId="Web-{04631689-4451-44B9-A228-54BE8349543F}" dt="2022-12-03T10:04:41.578" v="39"/>
        <pc:sldMkLst>
          <pc:docMk/>
          <pc:sldMk cId="2957711237" sldId="355"/>
        </pc:sldMkLst>
      </pc:sldChg>
      <pc:sldChg chg="mod modShow">
        <pc:chgData name="Lukasz Kutrzuba" userId="S::lukasz.kutrzuba@ericsson.com::362f5cc4-0ca4-4e9d-91a9-91fb4ffaabd5" providerId="AD" clId="Web-{04631689-4451-44B9-A228-54BE8349543F}" dt="2022-12-03T10:00:14.008" v="2"/>
        <pc:sldMkLst>
          <pc:docMk/>
          <pc:sldMk cId="1798889288" sldId="360"/>
        </pc:sldMkLst>
      </pc:sldChg>
    </pc:docChg>
  </pc:docChgLst>
  <pc:docChgLst>
    <pc:chgData name="Lukasz Kutrzuba" userId="S::lukasz.kutrzuba@ericsson.com::362f5cc4-0ca4-4e9d-91a9-91fb4ffaabd5" providerId="AD" clId="Web-{E192239E-5394-4C49-B615-53EA75BD9240}"/>
    <pc:docChg chg="addSld modSld">
      <pc:chgData name="Lukasz Kutrzuba" userId="S::lukasz.kutrzuba@ericsson.com::362f5cc4-0ca4-4e9d-91a9-91fb4ffaabd5" providerId="AD" clId="Web-{E192239E-5394-4C49-B615-53EA75BD9240}" dt="2022-11-25T08:28:28.322" v="35" actId="20577"/>
      <pc:docMkLst>
        <pc:docMk/>
      </pc:docMkLst>
      <pc:sldChg chg="addSp delSp modSp">
        <pc:chgData name="Lukasz Kutrzuba" userId="S::lukasz.kutrzuba@ericsson.com::362f5cc4-0ca4-4e9d-91a9-91fb4ffaabd5" providerId="AD" clId="Web-{E192239E-5394-4C49-B615-53EA75BD9240}" dt="2022-11-25T08:27:02.444" v="1"/>
        <pc:sldMkLst>
          <pc:docMk/>
          <pc:sldMk cId="3488574956" sldId="264"/>
        </pc:sldMkLst>
        <pc:picChg chg="add del mod">
          <ac:chgData name="Lukasz Kutrzuba" userId="S::lukasz.kutrzuba@ericsson.com::362f5cc4-0ca4-4e9d-91a9-91fb4ffaabd5" providerId="AD" clId="Web-{E192239E-5394-4C49-B615-53EA75BD9240}" dt="2022-11-25T08:27:02.444" v="1"/>
          <ac:picMkLst>
            <pc:docMk/>
            <pc:sldMk cId="3488574956" sldId="264"/>
            <ac:picMk id="3" creationId="{A3058A94-8971-9B5B-B430-DC492FB6EAB4}"/>
          </ac:picMkLst>
        </pc:picChg>
      </pc:sldChg>
      <pc:sldChg chg="addSp delSp modSp new mod chgLayout">
        <pc:chgData name="Lukasz Kutrzuba" userId="S::lukasz.kutrzuba@ericsson.com::362f5cc4-0ca4-4e9d-91a9-91fb4ffaabd5" providerId="AD" clId="Web-{E192239E-5394-4C49-B615-53EA75BD9240}" dt="2022-11-25T08:28:28.322" v="35" actId="20577"/>
        <pc:sldMkLst>
          <pc:docMk/>
          <pc:sldMk cId="1751494603" sldId="352"/>
        </pc:sldMkLst>
        <pc:spChg chg="add mod">
          <ac:chgData name="Lukasz Kutrzuba" userId="S::lukasz.kutrzuba@ericsson.com::362f5cc4-0ca4-4e9d-91a9-91fb4ffaabd5" providerId="AD" clId="Web-{E192239E-5394-4C49-B615-53EA75BD9240}" dt="2022-11-25T08:28:10.509" v="29" actId="20577"/>
          <ac:spMkLst>
            <pc:docMk/>
            <pc:sldMk cId="1751494603" sldId="352"/>
            <ac:spMk id="4" creationId="{24DCDA75-285B-3CE7-F7ED-8F810E856E09}"/>
          </ac:spMkLst>
        </pc:spChg>
        <pc:spChg chg="add mod">
          <ac:chgData name="Lukasz Kutrzuba" userId="S::lukasz.kutrzuba@ericsson.com::362f5cc4-0ca4-4e9d-91a9-91fb4ffaabd5" providerId="AD" clId="Web-{E192239E-5394-4C49-B615-53EA75BD9240}" dt="2022-11-25T08:28:28.322" v="35" actId="20577"/>
          <ac:spMkLst>
            <pc:docMk/>
            <pc:sldMk cId="1751494603" sldId="352"/>
            <ac:spMk id="5" creationId="{72CA62AA-5354-8A74-70AC-64FD9ADFD59D}"/>
          </ac:spMkLst>
        </pc:spChg>
        <pc:picChg chg="add del mod">
          <ac:chgData name="Lukasz Kutrzuba" userId="S::lukasz.kutrzuba@ericsson.com::362f5cc4-0ca4-4e9d-91a9-91fb4ffaabd5" providerId="AD" clId="Web-{E192239E-5394-4C49-B615-53EA75BD9240}" dt="2022-11-25T08:27:32.133" v="6"/>
          <ac:picMkLst>
            <pc:docMk/>
            <pc:sldMk cId="1751494603" sldId="352"/>
            <ac:picMk id="2" creationId="{F963A504-C63B-C3F6-9155-6B290AADBE05}"/>
          </ac:picMkLst>
        </pc:picChg>
        <pc:picChg chg="add del mod">
          <ac:chgData name="Lukasz Kutrzuba" userId="S::lukasz.kutrzuba@ericsson.com::362f5cc4-0ca4-4e9d-91a9-91fb4ffaabd5" providerId="AD" clId="Web-{E192239E-5394-4C49-B615-53EA75BD9240}" dt="2022-11-25T08:27:44.961" v="10"/>
          <ac:picMkLst>
            <pc:docMk/>
            <pc:sldMk cId="1751494603" sldId="352"/>
            <ac:picMk id="3" creationId="{02B07CB4-07F1-5B50-CBA1-11DE8863662B}"/>
          </ac:picMkLst>
        </pc:picChg>
      </pc:sldChg>
    </pc:docChg>
  </pc:docChgLst>
  <pc:docChgLst>
    <pc:chgData name="Lukasz Kutrzuba" userId="S::lukasz.kutrzuba@ericsson.com::362f5cc4-0ca4-4e9d-91a9-91fb4ffaabd5" providerId="AD" clId="Web-{1174FEC4-293A-4C0D-A302-DA1AC43BB72A}"/>
    <pc:docChg chg="modSld">
      <pc:chgData name="Lukasz Kutrzuba" userId="S::lukasz.kutrzuba@ericsson.com::362f5cc4-0ca4-4e9d-91a9-91fb4ffaabd5" providerId="AD" clId="Web-{1174FEC4-293A-4C0D-A302-DA1AC43BB72A}" dt="2022-11-24T14:48:27.032" v="0" actId="20577"/>
      <pc:docMkLst>
        <pc:docMk/>
      </pc:docMkLst>
      <pc:sldChg chg="modSp">
        <pc:chgData name="Lukasz Kutrzuba" userId="S::lukasz.kutrzuba@ericsson.com::362f5cc4-0ca4-4e9d-91a9-91fb4ffaabd5" providerId="AD" clId="Web-{1174FEC4-293A-4C0D-A302-DA1AC43BB72A}" dt="2022-11-24T14:48:27.032" v="0" actId="20577"/>
        <pc:sldMkLst>
          <pc:docMk/>
          <pc:sldMk cId="3666522024" sldId="307"/>
        </pc:sldMkLst>
        <pc:spChg chg="mod">
          <ac:chgData name="Lukasz Kutrzuba" userId="S::lukasz.kutrzuba@ericsson.com::362f5cc4-0ca4-4e9d-91a9-91fb4ffaabd5" providerId="AD" clId="Web-{1174FEC4-293A-4C0D-A302-DA1AC43BB72A}" dt="2022-11-24T14:48:27.032" v="0" actId="20577"/>
          <ac:spMkLst>
            <pc:docMk/>
            <pc:sldMk cId="3666522024" sldId="307"/>
            <ac:spMk id="12" creationId="{4FFB8876-A80B-45BF-B457-69F329D40EAB}"/>
          </ac:spMkLst>
        </pc:spChg>
      </pc:sldChg>
    </pc:docChg>
  </pc:docChgLst>
  <pc:docChgLst>
    <pc:chgData name="Lukasz Kutrzuba" userId="S::lukasz.kutrzuba@ericsson.com::362f5cc4-0ca4-4e9d-91a9-91fb4ffaabd5" providerId="AD" clId="Web-{5A2063C4-75A7-40D9-8F98-41906475E86A}"/>
    <pc:docChg chg="addSld modSld sldOrd">
      <pc:chgData name="Lukasz Kutrzuba" userId="S::lukasz.kutrzuba@ericsson.com::362f5cc4-0ca4-4e9d-91a9-91fb4ffaabd5" providerId="AD" clId="Web-{5A2063C4-75A7-40D9-8F98-41906475E86A}" dt="2022-12-02T00:51:22.432" v="726" actId="20577"/>
      <pc:docMkLst>
        <pc:docMk/>
      </pc:docMkLst>
      <pc:sldChg chg="modSp">
        <pc:chgData name="Lukasz Kutrzuba" userId="S::lukasz.kutrzuba@ericsson.com::362f5cc4-0ca4-4e9d-91a9-91fb4ffaabd5" providerId="AD" clId="Web-{5A2063C4-75A7-40D9-8F98-41906475E86A}" dt="2022-12-02T00:41:18.030" v="522" actId="1076"/>
        <pc:sldMkLst>
          <pc:docMk/>
          <pc:sldMk cId="2593047599" sldId="263"/>
        </pc:sldMkLst>
        <pc:spChg chg="mod">
          <ac:chgData name="Lukasz Kutrzuba" userId="S::lukasz.kutrzuba@ericsson.com::362f5cc4-0ca4-4e9d-91a9-91fb4ffaabd5" providerId="AD" clId="Web-{5A2063C4-75A7-40D9-8F98-41906475E86A}" dt="2022-12-02T00:41:15.639" v="521" actId="1076"/>
          <ac:spMkLst>
            <pc:docMk/>
            <pc:sldMk cId="2593047599" sldId="263"/>
            <ac:spMk id="9" creationId="{BC8328B3-46B9-814A-9805-A5626BF21769}"/>
          </ac:spMkLst>
        </pc:spChg>
        <pc:picChg chg="mod">
          <ac:chgData name="Lukasz Kutrzuba" userId="S::lukasz.kutrzuba@ericsson.com::362f5cc4-0ca4-4e9d-91a9-91fb4ffaabd5" providerId="AD" clId="Web-{5A2063C4-75A7-40D9-8F98-41906475E86A}" dt="2022-12-02T00:41:18.030" v="522" actId="1076"/>
          <ac:picMkLst>
            <pc:docMk/>
            <pc:sldMk cId="2593047599" sldId="263"/>
            <ac:picMk id="4" creationId="{D8A83962-5E00-4A23-B13E-4CA1C4BBD8C4}"/>
          </ac:picMkLst>
        </pc:picChg>
      </pc:sldChg>
      <pc:sldChg chg="addSp modSp">
        <pc:chgData name="Lukasz Kutrzuba" userId="S::lukasz.kutrzuba@ericsson.com::362f5cc4-0ca4-4e9d-91a9-91fb4ffaabd5" providerId="AD" clId="Web-{5A2063C4-75A7-40D9-8F98-41906475E86A}" dt="2022-12-02T00:40:17.590" v="510" actId="1076"/>
        <pc:sldMkLst>
          <pc:docMk/>
          <pc:sldMk cId="3666522024" sldId="307"/>
        </pc:sldMkLst>
        <pc:spChg chg="add mod">
          <ac:chgData name="Lukasz Kutrzuba" userId="S::lukasz.kutrzuba@ericsson.com::362f5cc4-0ca4-4e9d-91a9-91fb4ffaabd5" providerId="AD" clId="Web-{5A2063C4-75A7-40D9-8F98-41906475E86A}" dt="2022-12-02T00:40:17.590" v="510" actId="1076"/>
          <ac:spMkLst>
            <pc:docMk/>
            <pc:sldMk cId="3666522024" sldId="307"/>
            <ac:spMk id="4" creationId="{B6C6C2D8-FCA9-E65E-FEA7-3CD70CD64A16}"/>
          </ac:spMkLst>
        </pc:spChg>
      </pc:sldChg>
      <pc:sldChg chg="addSp modSp">
        <pc:chgData name="Lukasz Kutrzuba" userId="S::lukasz.kutrzuba@ericsson.com::362f5cc4-0ca4-4e9d-91a9-91fb4ffaabd5" providerId="AD" clId="Web-{5A2063C4-75A7-40D9-8F98-41906475E86A}" dt="2022-12-02T00:40:22.700" v="511" actId="1076"/>
        <pc:sldMkLst>
          <pc:docMk/>
          <pc:sldMk cId="1804972876" sldId="308"/>
        </pc:sldMkLst>
        <pc:spChg chg="add mod">
          <ac:chgData name="Lukasz Kutrzuba" userId="S::lukasz.kutrzuba@ericsson.com::362f5cc4-0ca4-4e9d-91a9-91fb4ffaabd5" providerId="AD" clId="Web-{5A2063C4-75A7-40D9-8F98-41906475E86A}" dt="2022-12-02T00:40:22.700" v="511" actId="1076"/>
          <ac:spMkLst>
            <pc:docMk/>
            <pc:sldMk cId="1804972876" sldId="308"/>
            <ac:spMk id="5" creationId="{155BB54C-FEE4-B617-F003-48D683C9E6FE}"/>
          </ac:spMkLst>
        </pc:spChg>
      </pc:sldChg>
      <pc:sldChg chg="addSp modSp">
        <pc:chgData name="Lukasz Kutrzuba" userId="S::lukasz.kutrzuba@ericsson.com::362f5cc4-0ca4-4e9d-91a9-91fb4ffaabd5" providerId="AD" clId="Web-{5A2063C4-75A7-40D9-8F98-41906475E86A}" dt="2022-12-02T00:40:32.513" v="515" actId="1076"/>
        <pc:sldMkLst>
          <pc:docMk/>
          <pc:sldMk cId="982755593" sldId="309"/>
        </pc:sldMkLst>
        <pc:spChg chg="add mod">
          <ac:chgData name="Lukasz Kutrzuba" userId="S::lukasz.kutrzuba@ericsson.com::362f5cc4-0ca4-4e9d-91a9-91fb4ffaabd5" providerId="AD" clId="Web-{5A2063C4-75A7-40D9-8F98-41906475E86A}" dt="2022-12-02T00:40:32.513" v="515" actId="1076"/>
          <ac:spMkLst>
            <pc:docMk/>
            <pc:sldMk cId="982755593" sldId="309"/>
            <ac:spMk id="3" creationId="{08FD7C3D-F88B-3D33-4402-D13D0E221AB7}"/>
          </ac:spMkLst>
        </pc:spChg>
        <pc:spChg chg="mod">
          <ac:chgData name="Lukasz Kutrzuba" userId="S::lukasz.kutrzuba@ericsson.com::362f5cc4-0ca4-4e9d-91a9-91fb4ffaabd5" providerId="AD" clId="Web-{5A2063C4-75A7-40D9-8F98-41906475E86A}" dt="2022-12-02T00:40:29.106" v="514" actId="1076"/>
          <ac:spMkLst>
            <pc:docMk/>
            <pc:sldMk cId="982755593" sldId="309"/>
            <ac:spMk id="14" creationId="{B6CA66AD-D631-4C5E-A924-BC952D4B4394}"/>
          </ac:spMkLst>
        </pc:spChg>
      </pc:sldChg>
      <pc:sldChg chg="addSp modSp">
        <pc:chgData name="Lukasz Kutrzuba" userId="S::lukasz.kutrzuba@ericsson.com::362f5cc4-0ca4-4e9d-91a9-91fb4ffaabd5" providerId="AD" clId="Web-{5A2063C4-75A7-40D9-8F98-41906475E86A}" dt="2022-12-02T00:41:00.748" v="520" actId="1076"/>
        <pc:sldMkLst>
          <pc:docMk/>
          <pc:sldMk cId="928204253" sldId="310"/>
        </pc:sldMkLst>
        <pc:spChg chg="add mod">
          <ac:chgData name="Lukasz Kutrzuba" userId="S::lukasz.kutrzuba@ericsson.com::362f5cc4-0ca4-4e9d-91a9-91fb4ffaabd5" providerId="AD" clId="Web-{5A2063C4-75A7-40D9-8F98-41906475E86A}" dt="2022-12-02T00:41:00.748" v="520" actId="1076"/>
          <ac:spMkLst>
            <pc:docMk/>
            <pc:sldMk cId="928204253" sldId="310"/>
            <ac:spMk id="4" creationId="{B5C06F31-3B56-16B0-C4FF-6E7E9D07AE37}"/>
          </ac:spMkLst>
        </pc:spChg>
      </pc:sldChg>
      <pc:sldChg chg="modSp">
        <pc:chgData name="Lukasz Kutrzuba" userId="S::lukasz.kutrzuba@ericsson.com::362f5cc4-0ca4-4e9d-91a9-91fb4ffaabd5" providerId="AD" clId="Web-{5A2063C4-75A7-40D9-8F98-41906475E86A}" dt="2022-12-02T00:30:34.959" v="509" actId="20577"/>
        <pc:sldMkLst>
          <pc:docMk/>
          <pc:sldMk cId="3087742105" sldId="336"/>
        </pc:sldMkLst>
        <pc:spChg chg="mod">
          <ac:chgData name="Lukasz Kutrzuba" userId="S::lukasz.kutrzuba@ericsson.com::362f5cc4-0ca4-4e9d-91a9-91fb4ffaabd5" providerId="AD" clId="Web-{5A2063C4-75A7-40D9-8F98-41906475E86A}" dt="2022-12-02T00:30:34.959" v="509" actId="20577"/>
          <ac:spMkLst>
            <pc:docMk/>
            <pc:sldMk cId="3087742105" sldId="336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5A2063C4-75A7-40D9-8F98-41906475E86A}" dt="2022-12-02T00:29:07.284" v="504" actId="14100"/>
        <pc:sldMkLst>
          <pc:docMk/>
          <pc:sldMk cId="2633863598" sldId="342"/>
        </pc:sldMkLst>
        <pc:spChg chg="mod">
          <ac:chgData name="Lukasz Kutrzuba" userId="S::lukasz.kutrzuba@ericsson.com::362f5cc4-0ca4-4e9d-91a9-91fb4ffaabd5" providerId="AD" clId="Web-{5A2063C4-75A7-40D9-8F98-41906475E86A}" dt="2022-12-02T00:29:07.284" v="504" actId="14100"/>
          <ac:spMkLst>
            <pc:docMk/>
            <pc:sldMk cId="2633863598" sldId="342"/>
            <ac:spMk id="14" creationId="{B6CA66AD-D631-4C5E-A924-BC952D4B4394}"/>
          </ac:spMkLst>
        </pc:spChg>
      </pc:sldChg>
      <pc:sldChg chg="modSp ord">
        <pc:chgData name="Lukasz Kutrzuba" userId="S::lukasz.kutrzuba@ericsson.com::362f5cc4-0ca4-4e9d-91a9-91fb4ffaabd5" providerId="AD" clId="Web-{5A2063C4-75A7-40D9-8F98-41906475E86A}" dt="2022-12-02T00:48:36.629" v="543" actId="1076"/>
        <pc:sldMkLst>
          <pc:docMk/>
          <pc:sldMk cId="2687784262" sldId="348"/>
        </pc:sldMkLst>
        <pc:spChg chg="mod">
          <ac:chgData name="Lukasz Kutrzuba" userId="S::lukasz.kutrzuba@ericsson.com::362f5cc4-0ca4-4e9d-91a9-91fb4ffaabd5" providerId="AD" clId="Web-{5A2063C4-75A7-40D9-8F98-41906475E86A}" dt="2022-12-02T00:48:36.629" v="543" actId="1076"/>
          <ac:spMkLst>
            <pc:docMk/>
            <pc:sldMk cId="2687784262" sldId="348"/>
            <ac:spMk id="14" creationId="{B6CA66AD-D631-4C5E-A924-BC952D4B4394}"/>
          </ac:spMkLst>
        </pc:spChg>
      </pc:sldChg>
      <pc:sldChg chg="modSp ord">
        <pc:chgData name="Lukasz Kutrzuba" userId="S::lukasz.kutrzuba@ericsson.com::362f5cc4-0ca4-4e9d-91a9-91fb4ffaabd5" providerId="AD" clId="Web-{5A2063C4-75A7-40D9-8F98-41906475E86A}" dt="2022-12-02T00:48:29.347" v="542" actId="20577"/>
        <pc:sldMkLst>
          <pc:docMk/>
          <pc:sldMk cId="1750462366" sldId="349"/>
        </pc:sldMkLst>
        <pc:spChg chg="mod">
          <ac:chgData name="Lukasz Kutrzuba" userId="S::lukasz.kutrzuba@ericsson.com::362f5cc4-0ca4-4e9d-91a9-91fb4ffaabd5" providerId="AD" clId="Web-{5A2063C4-75A7-40D9-8F98-41906475E86A}" dt="2022-12-02T00:48:29.347" v="542" actId="20577"/>
          <ac:spMkLst>
            <pc:docMk/>
            <pc:sldMk cId="1750462366" sldId="349"/>
            <ac:spMk id="14" creationId="{B6CA66AD-D631-4C5E-A924-BC952D4B4394}"/>
          </ac:spMkLst>
        </pc:spChg>
      </pc:sldChg>
      <pc:sldChg chg="ord">
        <pc:chgData name="Lukasz Kutrzuba" userId="S::lukasz.kutrzuba@ericsson.com::362f5cc4-0ca4-4e9d-91a9-91fb4ffaabd5" providerId="AD" clId="Web-{5A2063C4-75A7-40D9-8F98-41906475E86A}" dt="2022-12-02T00:08:21.863" v="243"/>
        <pc:sldMkLst>
          <pc:docMk/>
          <pc:sldMk cId="2688583000" sldId="350"/>
        </pc:sldMkLst>
      </pc:sldChg>
      <pc:sldChg chg="ord">
        <pc:chgData name="Lukasz Kutrzuba" userId="S::lukasz.kutrzuba@ericsson.com::362f5cc4-0ca4-4e9d-91a9-91fb4ffaabd5" providerId="AD" clId="Web-{5A2063C4-75A7-40D9-8F98-41906475E86A}" dt="2022-12-02T00:08:21.863" v="242"/>
        <pc:sldMkLst>
          <pc:docMk/>
          <pc:sldMk cId="2302943270" sldId="353"/>
        </pc:sldMkLst>
      </pc:sldChg>
      <pc:sldChg chg="addSp delSp modSp">
        <pc:chgData name="Lukasz Kutrzuba" userId="S::lukasz.kutrzuba@ericsson.com::362f5cc4-0ca4-4e9d-91a9-91fb4ffaabd5" providerId="AD" clId="Web-{5A2063C4-75A7-40D9-8F98-41906475E86A}" dt="2022-12-02T00:48:08.299" v="541" actId="20577"/>
        <pc:sldMkLst>
          <pc:docMk/>
          <pc:sldMk cId="3477690341" sldId="359"/>
        </pc:sldMkLst>
        <pc:spChg chg="add mod">
          <ac:chgData name="Lukasz Kutrzuba" userId="S::lukasz.kutrzuba@ericsson.com::362f5cc4-0ca4-4e9d-91a9-91fb4ffaabd5" providerId="AD" clId="Web-{5A2063C4-75A7-40D9-8F98-41906475E86A}" dt="2022-12-02T00:47:48.142" v="532" actId="1076"/>
          <ac:spMkLst>
            <pc:docMk/>
            <pc:sldMk cId="3477690341" sldId="359"/>
            <ac:spMk id="4" creationId="{9EDF75EA-77F8-B264-69F1-FACBAB6CD518}"/>
          </ac:spMkLst>
        </pc:spChg>
        <pc:spChg chg="add mod">
          <ac:chgData name="Lukasz Kutrzuba" userId="S::lukasz.kutrzuba@ericsson.com::362f5cc4-0ca4-4e9d-91a9-91fb4ffaabd5" providerId="AD" clId="Web-{5A2063C4-75A7-40D9-8F98-41906475E86A}" dt="2022-12-02T00:47:24.751" v="524" actId="20577"/>
          <ac:spMkLst>
            <pc:docMk/>
            <pc:sldMk cId="3477690341" sldId="359"/>
            <ac:spMk id="11" creationId="{297D5A59-0C18-2305-4F61-246B6CB3929F}"/>
          </ac:spMkLst>
        </pc:spChg>
        <pc:spChg chg="mod">
          <ac:chgData name="Lukasz Kutrzuba" userId="S::lukasz.kutrzuba@ericsson.com::362f5cc4-0ca4-4e9d-91a9-91fb4ffaabd5" providerId="AD" clId="Web-{5A2063C4-75A7-40D9-8F98-41906475E86A}" dt="2022-12-02T00:05:16.074" v="27" actId="20577"/>
          <ac:spMkLst>
            <pc:docMk/>
            <pc:sldMk cId="3477690341" sldId="359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5A2063C4-75A7-40D9-8F98-41906475E86A}" dt="2022-12-02T00:48:08.299" v="541" actId="20577"/>
          <ac:spMkLst>
            <pc:docMk/>
            <pc:sldMk cId="3477690341" sldId="359"/>
            <ac:spMk id="14" creationId="{B6CA66AD-D631-4C5E-A924-BC952D4B4394}"/>
          </ac:spMkLst>
        </pc:spChg>
        <pc:grpChg chg="del">
          <ac:chgData name="Lukasz Kutrzuba" userId="S::lukasz.kutrzuba@ericsson.com::362f5cc4-0ca4-4e9d-91a9-91fb4ffaabd5" providerId="AD" clId="Web-{5A2063C4-75A7-40D9-8F98-41906475E86A}" dt="2022-12-02T00:07:37.096" v="234"/>
          <ac:grpSpMkLst>
            <pc:docMk/>
            <pc:sldMk cId="3477690341" sldId="359"/>
            <ac:grpSpMk id="8" creationId="{2D391C7E-5CFA-F25F-8478-2AA7DD865438}"/>
          </ac:grpSpMkLst>
        </pc:grpChg>
        <pc:picChg chg="del">
          <ac:chgData name="Lukasz Kutrzuba" userId="S::lukasz.kutrzuba@ericsson.com::362f5cc4-0ca4-4e9d-91a9-91fb4ffaabd5" providerId="AD" clId="Web-{5A2063C4-75A7-40D9-8F98-41906475E86A}" dt="2022-12-02T00:47:32.611" v="525"/>
          <ac:picMkLst>
            <pc:docMk/>
            <pc:sldMk cId="3477690341" sldId="359"/>
            <ac:picMk id="2" creationId="{F3E3E7DA-4D74-4ED1-0C18-8D8C8B85DB5E}"/>
          </ac:picMkLst>
        </pc:picChg>
        <pc:picChg chg="add mod">
          <ac:chgData name="Lukasz Kutrzuba" userId="S::lukasz.kutrzuba@ericsson.com::362f5cc4-0ca4-4e9d-91a9-91fb4ffaabd5" providerId="AD" clId="Web-{5A2063C4-75A7-40D9-8F98-41906475E86A}" dt="2022-12-02T00:47:49.924" v="533" actId="1076"/>
          <ac:picMkLst>
            <pc:docMk/>
            <pc:sldMk cId="3477690341" sldId="359"/>
            <ac:picMk id="9" creationId="{5B96ED81-B3E4-2A0F-31A3-4A2BC4223E24}"/>
          </ac:picMkLst>
        </pc:picChg>
      </pc:sldChg>
      <pc:sldChg chg="addSp modSp add ord replId">
        <pc:chgData name="Lukasz Kutrzuba" userId="S::lukasz.kutrzuba@ericsson.com::362f5cc4-0ca4-4e9d-91a9-91fb4ffaabd5" providerId="AD" clId="Web-{5A2063C4-75A7-40D9-8F98-41906475E86A}" dt="2022-12-02T00:40:45.201" v="518" actId="1076"/>
        <pc:sldMkLst>
          <pc:docMk/>
          <pc:sldMk cId="805032094" sldId="379"/>
        </pc:sldMkLst>
        <pc:spChg chg="add mod">
          <ac:chgData name="Lukasz Kutrzuba" userId="S::lukasz.kutrzuba@ericsson.com::362f5cc4-0ca4-4e9d-91a9-91fb4ffaabd5" providerId="AD" clId="Web-{5A2063C4-75A7-40D9-8F98-41906475E86A}" dt="2022-12-02T00:40:45.201" v="518" actId="1076"/>
          <ac:spMkLst>
            <pc:docMk/>
            <pc:sldMk cId="805032094" sldId="379"/>
            <ac:spMk id="4" creationId="{842F9EE9-C5EE-8B26-F224-7E9F6EF81F66}"/>
          </ac:spMkLst>
        </pc:spChg>
        <pc:spChg chg="mod">
          <ac:chgData name="Lukasz Kutrzuba" userId="S::lukasz.kutrzuba@ericsson.com::362f5cc4-0ca4-4e9d-91a9-91fb4ffaabd5" providerId="AD" clId="Web-{5A2063C4-75A7-40D9-8F98-41906475E86A}" dt="2022-12-02T00:40:42.201" v="517" actId="1076"/>
          <ac:spMkLst>
            <pc:docMk/>
            <pc:sldMk cId="805032094" sldId="379"/>
            <ac:spMk id="14" creationId="{B6CA66AD-D631-4C5E-A924-BC952D4B4394}"/>
          </ac:spMkLst>
        </pc:spChg>
      </pc:sldChg>
      <pc:sldChg chg="modSp add replId">
        <pc:chgData name="Lukasz Kutrzuba" userId="S::lukasz.kutrzuba@ericsson.com::362f5cc4-0ca4-4e9d-91a9-91fb4ffaabd5" providerId="AD" clId="Web-{5A2063C4-75A7-40D9-8F98-41906475E86A}" dt="2022-12-02T00:51:22.432" v="726" actId="20577"/>
        <pc:sldMkLst>
          <pc:docMk/>
          <pc:sldMk cId="1154792189" sldId="380"/>
        </pc:sldMkLst>
        <pc:spChg chg="mod">
          <ac:chgData name="Lukasz Kutrzuba" userId="S::lukasz.kutrzuba@ericsson.com::362f5cc4-0ca4-4e9d-91a9-91fb4ffaabd5" providerId="AD" clId="Web-{5A2063C4-75A7-40D9-8F98-41906475E86A}" dt="2022-12-02T00:51:22.432" v="726" actId="20577"/>
          <ac:spMkLst>
            <pc:docMk/>
            <pc:sldMk cId="1154792189" sldId="380"/>
            <ac:spMk id="14" creationId="{B6CA66AD-D631-4C5E-A924-BC952D4B4394}"/>
          </ac:spMkLst>
        </pc:spChg>
      </pc:sldChg>
    </pc:docChg>
  </pc:docChgLst>
  <pc:docChgLst>
    <pc:chgData name="Lukasz Kutrzuba" userId="S::lukasz.kutrzuba@ericsson.com::362f5cc4-0ca4-4e9d-91a9-91fb4ffaabd5" providerId="AD" clId="Web-{31CEEF0B-9CAE-4D60-9298-C6FAFA74D70D}"/>
    <pc:docChg chg="addSld modSld sldOrd">
      <pc:chgData name="Lukasz Kutrzuba" userId="S::lukasz.kutrzuba@ericsson.com::362f5cc4-0ca4-4e9d-91a9-91fb4ffaabd5" providerId="AD" clId="Web-{31CEEF0B-9CAE-4D60-9298-C6FAFA74D70D}" dt="2022-11-30T12:11:14.636" v="38"/>
      <pc:docMkLst>
        <pc:docMk/>
      </pc:docMkLst>
      <pc:sldChg chg="addSp delSp modSp">
        <pc:chgData name="Lukasz Kutrzuba" userId="S::lukasz.kutrzuba@ericsson.com::362f5cc4-0ca4-4e9d-91a9-91fb4ffaabd5" providerId="AD" clId="Web-{31CEEF0B-9CAE-4D60-9298-C6FAFA74D70D}" dt="2022-11-30T12:09:23.821" v="28"/>
        <pc:sldMkLst>
          <pc:docMk/>
          <pc:sldMk cId="71151763" sldId="316"/>
        </pc:sldMkLst>
        <pc:picChg chg="del">
          <ac:chgData name="Lukasz Kutrzuba" userId="S::lukasz.kutrzuba@ericsson.com::362f5cc4-0ca4-4e9d-91a9-91fb4ffaabd5" providerId="AD" clId="Web-{31CEEF0B-9CAE-4D60-9298-C6FAFA74D70D}" dt="2022-11-30T12:08:44.804" v="19"/>
          <ac:picMkLst>
            <pc:docMk/>
            <pc:sldMk cId="71151763" sldId="316"/>
            <ac:picMk id="2" creationId="{EA3A7B12-919F-5268-4304-8A9EE023251D}"/>
          </ac:picMkLst>
        </pc:picChg>
        <pc:picChg chg="add mod">
          <ac:chgData name="Lukasz Kutrzuba" userId="S::lukasz.kutrzuba@ericsson.com::362f5cc4-0ca4-4e9d-91a9-91fb4ffaabd5" providerId="AD" clId="Web-{31CEEF0B-9CAE-4D60-9298-C6FAFA74D70D}" dt="2022-11-30T12:09:23.821" v="28"/>
          <ac:picMkLst>
            <pc:docMk/>
            <pc:sldMk cId="71151763" sldId="316"/>
            <ac:picMk id="3" creationId="{CE6D9EB6-4FBE-2B22-2F9A-0463C9DA9AE6}"/>
          </ac:picMkLst>
        </pc:picChg>
      </pc:sldChg>
      <pc:sldChg chg="addSp delSp modSp">
        <pc:chgData name="Lukasz Kutrzuba" userId="S::lukasz.kutrzuba@ericsson.com::362f5cc4-0ca4-4e9d-91a9-91fb4ffaabd5" providerId="AD" clId="Web-{31CEEF0B-9CAE-4D60-9298-C6FAFA74D70D}" dt="2022-11-30T12:09:00.992" v="23" actId="14100"/>
        <pc:sldMkLst>
          <pc:docMk/>
          <pc:sldMk cId="3584275556" sldId="317"/>
        </pc:sldMkLst>
        <pc:picChg chg="add mod">
          <ac:chgData name="Lukasz Kutrzuba" userId="S::lukasz.kutrzuba@ericsson.com::362f5cc4-0ca4-4e9d-91a9-91fb4ffaabd5" providerId="AD" clId="Web-{31CEEF0B-9CAE-4D60-9298-C6FAFA74D70D}" dt="2022-11-30T12:09:00.992" v="23" actId="14100"/>
          <ac:picMkLst>
            <pc:docMk/>
            <pc:sldMk cId="3584275556" sldId="317"/>
            <ac:picMk id="2" creationId="{C8A19261-C189-62CF-7B6C-93C8BF860472}"/>
          </ac:picMkLst>
        </pc:picChg>
        <pc:picChg chg="del">
          <ac:chgData name="Lukasz Kutrzuba" userId="S::lukasz.kutrzuba@ericsson.com::362f5cc4-0ca4-4e9d-91a9-91fb4ffaabd5" providerId="AD" clId="Web-{31CEEF0B-9CAE-4D60-9298-C6FAFA74D70D}" dt="2022-11-30T12:08:09.522" v="13"/>
          <ac:picMkLst>
            <pc:docMk/>
            <pc:sldMk cId="3584275556" sldId="317"/>
            <ac:picMk id="3" creationId="{F3FB9654-6802-1DDE-FC41-B82307A52C5C}"/>
          </ac:picMkLst>
        </pc:picChg>
      </pc:sldChg>
      <pc:sldChg chg="addSp delSp modSp ord">
        <pc:chgData name="Lukasz Kutrzuba" userId="S::lukasz.kutrzuba@ericsson.com::362f5cc4-0ca4-4e9d-91a9-91fb4ffaabd5" providerId="AD" clId="Web-{31CEEF0B-9CAE-4D60-9298-C6FAFA74D70D}" dt="2022-11-30T12:06:13.473" v="12"/>
        <pc:sldMkLst>
          <pc:docMk/>
          <pc:sldMk cId="1824887045" sldId="318"/>
        </pc:sldMkLst>
        <pc:picChg chg="add mod">
          <ac:chgData name="Lukasz Kutrzuba" userId="S::lukasz.kutrzuba@ericsson.com::362f5cc4-0ca4-4e9d-91a9-91fb4ffaabd5" providerId="AD" clId="Web-{31CEEF0B-9CAE-4D60-9298-C6FAFA74D70D}" dt="2022-11-30T12:06:13.473" v="12"/>
          <ac:picMkLst>
            <pc:docMk/>
            <pc:sldMk cId="1824887045" sldId="318"/>
            <ac:picMk id="2" creationId="{3B276801-DBD6-E485-6BA0-F33D83ACCBFC}"/>
          </ac:picMkLst>
        </pc:picChg>
        <pc:picChg chg="del">
          <ac:chgData name="Lukasz Kutrzuba" userId="S::lukasz.kutrzuba@ericsson.com::362f5cc4-0ca4-4e9d-91a9-91fb4ffaabd5" providerId="AD" clId="Web-{31CEEF0B-9CAE-4D60-9298-C6FAFA74D70D}" dt="2022-11-30T12:05:12.721" v="1"/>
          <ac:picMkLst>
            <pc:docMk/>
            <pc:sldMk cId="1824887045" sldId="318"/>
            <ac:picMk id="4" creationId="{2D1843DE-114D-947F-9C39-16565E85C024}"/>
          </ac:picMkLst>
        </pc:picChg>
      </pc:sldChg>
      <pc:sldChg chg="delSp add replId">
        <pc:chgData name="Lukasz Kutrzuba" userId="S::lukasz.kutrzuba@ericsson.com::362f5cc4-0ca4-4e9d-91a9-91fb4ffaabd5" providerId="AD" clId="Web-{31CEEF0B-9CAE-4D60-9298-C6FAFA74D70D}" dt="2022-11-30T12:10:55.307" v="30"/>
        <pc:sldMkLst>
          <pc:docMk/>
          <pc:sldMk cId="1798889288" sldId="360"/>
        </pc:sldMkLst>
        <pc:picChg chg="del">
          <ac:chgData name="Lukasz Kutrzuba" userId="S::lukasz.kutrzuba@ericsson.com::362f5cc4-0ca4-4e9d-91a9-91fb4ffaabd5" providerId="AD" clId="Web-{31CEEF0B-9CAE-4D60-9298-C6FAFA74D70D}" dt="2022-11-30T12:10:55.307" v="30"/>
          <ac:picMkLst>
            <pc:docMk/>
            <pc:sldMk cId="1798889288" sldId="360"/>
            <ac:picMk id="2" creationId="{2FDD51A9-FFDF-F1A3-F1F4-51AD2F497A6A}"/>
          </ac:picMkLst>
        </pc:picChg>
      </pc:sldChg>
      <pc:sldChg chg="addSp delSp modSp add replId">
        <pc:chgData name="Lukasz Kutrzuba" userId="S::lukasz.kutrzuba@ericsson.com::362f5cc4-0ca4-4e9d-91a9-91fb4ffaabd5" providerId="AD" clId="Web-{31CEEF0B-9CAE-4D60-9298-C6FAFA74D70D}" dt="2022-11-30T12:11:14.636" v="38"/>
        <pc:sldMkLst>
          <pc:docMk/>
          <pc:sldMk cId="2665682860" sldId="361"/>
        </pc:sldMkLst>
        <pc:picChg chg="del">
          <ac:chgData name="Lukasz Kutrzuba" userId="S::lukasz.kutrzuba@ericsson.com::362f5cc4-0ca4-4e9d-91a9-91fb4ffaabd5" providerId="AD" clId="Web-{31CEEF0B-9CAE-4D60-9298-C6FAFA74D70D}" dt="2022-11-30T12:11:04.480" v="32"/>
          <ac:picMkLst>
            <pc:docMk/>
            <pc:sldMk cId="2665682860" sldId="361"/>
            <ac:picMk id="2" creationId="{2FDD51A9-FFDF-F1A3-F1F4-51AD2F497A6A}"/>
          </ac:picMkLst>
        </pc:picChg>
        <pc:picChg chg="add del mod">
          <ac:chgData name="Lukasz Kutrzuba" userId="S::lukasz.kutrzuba@ericsson.com::362f5cc4-0ca4-4e9d-91a9-91fb4ffaabd5" providerId="AD" clId="Web-{31CEEF0B-9CAE-4D60-9298-C6FAFA74D70D}" dt="2022-11-30T12:11:14.636" v="38"/>
          <ac:picMkLst>
            <pc:docMk/>
            <pc:sldMk cId="2665682860" sldId="361"/>
            <ac:picMk id="3" creationId="{4805A472-6DF0-C757-4CB1-6853C0330803}"/>
          </ac:picMkLst>
        </pc:picChg>
      </pc:sldChg>
    </pc:docChg>
  </pc:docChgLst>
  <pc:docChgLst>
    <pc:chgData name="Lukasz Kutrzuba" userId="S::lukasz.kutrzuba@ericsson.com::362f5cc4-0ca4-4e9d-91a9-91fb4ffaabd5" providerId="AD" clId="Web-{657FC07D-F8F8-4399-A34C-D164820233A1}"/>
    <pc:docChg chg="modSld">
      <pc:chgData name="Lukasz Kutrzuba" userId="S::lukasz.kutrzuba@ericsson.com::362f5cc4-0ca4-4e9d-91a9-91fb4ffaabd5" providerId="AD" clId="Web-{657FC07D-F8F8-4399-A34C-D164820233A1}" dt="2022-11-30T10:26:15.973" v="29" actId="20577"/>
      <pc:docMkLst>
        <pc:docMk/>
      </pc:docMkLst>
      <pc:sldChg chg="modSp">
        <pc:chgData name="Lukasz Kutrzuba" userId="S::lukasz.kutrzuba@ericsson.com::362f5cc4-0ca4-4e9d-91a9-91fb4ffaabd5" providerId="AD" clId="Web-{657FC07D-F8F8-4399-A34C-D164820233A1}" dt="2022-11-30T10:25:07.722" v="12" actId="20577"/>
        <pc:sldMkLst>
          <pc:docMk/>
          <pc:sldMk cId="3143788312" sldId="294"/>
        </pc:sldMkLst>
        <pc:spChg chg="mod">
          <ac:chgData name="Lukasz Kutrzuba" userId="S::lukasz.kutrzuba@ericsson.com::362f5cc4-0ca4-4e9d-91a9-91fb4ffaabd5" providerId="AD" clId="Web-{657FC07D-F8F8-4399-A34C-D164820233A1}" dt="2022-11-30T10:23:54.939" v="3" actId="20577"/>
          <ac:spMkLst>
            <pc:docMk/>
            <pc:sldMk cId="3143788312" sldId="294"/>
            <ac:spMk id="31" creationId="{FF9574AB-8588-46AC-BD85-24C1D72DB426}"/>
          </ac:spMkLst>
        </pc:spChg>
        <pc:spChg chg="mod">
          <ac:chgData name="Lukasz Kutrzuba" userId="S::lukasz.kutrzuba@ericsson.com::362f5cc4-0ca4-4e9d-91a9-91fb4ffaabd5" providerId="AD" clId="Web-{657FC07D-F8F8-4399-A34C-D164820233A1}" dt="2022-11-30T10:25:07.722" v="12" actId="20577"/>
          <ac:spMkLst>
            <pc:docMk/>
            <pc:sldMk cId="3143788312" sldId="294"/>
            <ac:spMk id="32" creationId="{B60F51AF-C735-4D67-8AFC-205DD7A213F0}"/>
          </ac:spMkLst>
        </pc:spChg>
        <pc:spChg chg="mod">
          <ac:chgData name="Lukasz Kutrzuba" userId="S::lukasz.kutrzuba@ericsson.com::362f5cc4-0ca4-4e9d-91a9-91fb4ffaabd5" providerId="AD" clId="Web-{657FC07D-F8F8-4399-A34C-D164820233A1}" dt="2022-11-30T10:23:58.580" v="4" actId="20577"/>
          <ac:spMkLst>
            <pc:docMk/>
            <pc:sldMk cId="3143788312" sldId="294"/>
            <ac:spMk id="33" creationId="{A83C90F9-FF2E-4578-AD2F-142E3EB1B755}"/>
          </ac:spMkLst>
        </pc:spChg>
      </pc:sldChg>
      <pc:sldChg chg="modSp">
        <pc:chgData name="Lukasz Kutrzuba" userId="S::lukasz.kutrzuba@ericsson.com::362f5cc4-0ca4-4e9d-91a9-91fb4ffaabd5" providerId="AD" clId="Web-{657FC07D-F8F8-4399-A34C-D164820233A1}" dt="2022-11-30T10:25:55.739" v="25" actId="1076"/>
        <pc:sldMkLst>
          <pc:docMk/>
          <pc:sldMk cId="3671953097" sldId="299"/>
        </pc:sldMkLst>
        <pc:spChg chg="mod">
          <ac:chgData name="Lukasz Kutrzuba" userId="S::lukasz.kutrzuba@ericsson.com::362f5cc4-0ca4-4e9d-91a9-91fb4ffaabd5" providerId="AD" clId="Web-{657FC07D-F8F8-4399-A34C-D164820233A1}" dt="2022-11-30T10:25:38.488" v="19" actId="14100"/>
          <ac:spMkLst>
            <pc:docMk/>
            <pc:sldMk cId="3671953097" sldId="299"/>
            <ac:spMk id="14" creationId="{12F66E70-E1DE-446E-A82F-8B7657AE603C}"/>
          </ac:spMkLst>
        </pc:spChg>
        <pc:spChg chg="mod">
          <ac:chgData name="Lukasz Kutrzuba" userId="S::lukasz.kutrzuba@ericsson.com::362f5cc4-0ca4-4e9d-91a9-91fb4ffaabd5" providerId="AD" clId="Web-{657FC07D-F8F8-4399-A34C-D164820233A1}" dt="2022-11-30T10:25:49.895" v="21" actId="1076"/>
          <ac:spMkLst>
            <pc:docMk/>
            <pc:sldMk cId="3671953097" sldId="299"/>
            <ac:spMk id="15" creationId="{C8193E12-0BCC-4DF6-8CDC-3E4FB4022A3E}"/>
          </ac:spMkLst>
        </pc:spChg>
        <pc:grpChg chg="mod">
          <ac:chgData name="Lukasz Kutrzuba" userId="S::lukasz.kutrzuba@ericsson.com::362f5cc4-0ca4-4e9d-91a9-91fb4ffaabd5" providerId="AD" clId="Web-{657FC07D-F8F8-4399-A34C-D164820233A1}" dt="2022-11-30T10:25:34.363" v="17" actId="14100"/>
          <ac:grpSpMkLst>
            <pc:docMk/>
            <pc:sldMk cId="3671953097" sldId="299"/>
            <ac:grpSpMk id="8" creationId="{505AE454-CC82-4555-8353-E3DA04A698B6}"/>
          </ac:grpSpMkLst>
        </pc:grpChg>
        <pc:grpChg chg="mod">
          <ac:chgData name="Lukasz Kutrzuba" userId="S::lukasz.kutrzuba@ericsson.com::362f5cc4-0ca4-4e9d-91a9-91fb4ffaabd5" providerId="AD" clId="Web-{657FC07D-F8F8-4399-A34C-D164820233A1}" dt="2022-11-30T10:25:55.739" v="25" actId="1076"/>
          <ac:grpSpMkLst>
            <pc:docMk/>
            <pc:sldMk cId="3671953097" sldId="299"/>
            <ac:grpSpMk id="20" creationId="{3DAA1178-3559-49CE-B87A-60ADF3696C18}"/>
          </ac:grpSpMkLst>
        </pc:grpChg>
      </pc:sldChg>
      <pc:sldChg chg="modSp">
        <pc:chgData name="Lukasz Kutrzuba" userId="S::lukasz.kutrzuba@ericsson.com::362f5cc4-0ca4-4e9d-91a9-91fb4ffaabd5" providerId="AD" clId="Web-{657FC07D-F8F8-4399-A34C-D164820233A1}" dt="2022-11-30T10:26:15.973" v="29" actId="20577"/>
        <pc:sldMkLst>
          <pc:docMk/>
          <pc:sldMk cId="167090222" sldId="300"/>
        </pc:sldMkLst>
        <pc:spChg chg="mod">
          <ac:chgData name="Lukasz Kutrzuba" userId="S::lukasz.kutrzuba@ericsson.com::362f5cc4-0ca4-4e9d-91a9-91fb4ffaabd5" providerId="AD" clId="Web-{657FC07D-F8F8-4399-A34C-D164820233A1}" dt="2022-11-30T10:26:15.973" v="29" actId="20577"/>
          <ac:spMkLst>
            <pc:docMk/>
            <pc:sldMk cId="167090222" sldId="300"/>
            <ac:spMk id="14" creationId="{B6CA66AD-D631-4C5E-A924-BC952D4B4394}"/>
          </ac:spMkLst>
        </pc:spChg>
      </pc:sldChg>
    </pc:docChg>
  </pc:docChgLst>
  <pc:docChgLst>
    <pc:chgData name="Lukasz Kutrzuba" userId="S::lukasz.kutrzuba@ericsson.com::362f5cc4-0ca4-4e9d-91a9-91fb4ffaabd5" providerId="AD" clId="Web-{FD898A74-8130-44C3-B225-5724EBA34C2C}"/>
    <pc:docChg chg="modSld">
      <pc:chgData name="Lukasz Kutrzuba" userId="S::lukasz.kutrzuba@ericsson.com::362f5cc4-0ca4-4e9d-91a9-91fb4ffaabd5" providerId="AD" clId="Web-{FD898A74-8130-44C3-B225-5724EBA34C2C}" dt="2022-11-25T12:38:57.893" v="46" actId="14100"/>
      <pc:docMkLst>
        <pc:docMk/>
      </pc:docMkLst>
      <pc:sldChg chg="addSp delSp modSp">
        <pc:chgData name="Lukasz Kutrzuba" userId="S::lukasz.kutrzuba@ericsson.com::362f5cc4-0ca4-4e9d-91a9-91fb4ffaabd5" providerId="AD" clId="Web-{FD898A74-8130-44C3-B225-5724EBA34C2C}" dt="2022-11-25T12:37:16.170" v="12" actId="1076"/>
        <pc:sldMkLst>
          <pc:docMk/>
          <pc:sldMk cId="1936163950" sldId="295"/>
        </pc:sldMkLst>
        <pc:spChg chg="mod">
          <ac:chgData name="Lukasz Kutrzuba" userId="S::lukasz.kutrzuba@ericsson.com::362f5cc4-0ca4-4e9d-91a9-91fb4ffaabd5" providerId="AD" clId="Web-{FD898A74-8130-44C3-B225-5724EBA34C2C}" dt="2022-11-25T12:37:16.154" v="11" actId="1076"/>
          <ac:spMkLst>
            <pc:docMk/>
            <pc:sldMk cId="1936163950" sldId="295"/>
            <ac:spMk id="5" creationId="{4C1A252A-149B-FF9B-7B53-10F2A1AF0A66}"/>
          </ac:spMkLst>
        </pc:spChg>
        <pc:spChg chg="topLvl">
          <ac:chgData name="Lukasz Kutrzuba" userId="S::lukasz.kutrzuba@ericsson.com::362f5cc4-0ca4-4e9d-91a9-91fb4ffaabd5" providerId="AD" clId="Web-{FD898A74-8130-44C3-B225-5724EBA34C2C}" dt="2022-11-25T12:36:37.918" v="0"/>
          <ac:spMkLst>
            <pc:docMk/>
            <pc:sldMk cId="1936163950" sldId="295"/>
            <ac:spMk id="33" creationId="{47CA779B-FB37-4B3A-A0B7-F43D4BC1E31D}"/>
          </ac:spMkLst>
        </pc:spChg>
        <pc:grpChg chg="del">
          <ac:chgData name="Lukasz Kutrzuba" userId="S::lukasz.kutrzuba@ericsson.com::362f5cc4-0ca4-4e9d-91a9-91fb4ffaabd5" providerId="AD" clId="Web-{FD898A74-8130-44C3-B225-5724EBA34C2C}" dt="2022-11-25T12:36:37.918" v="0"/>
          <ac:grpSpMkLst>
            <pc:docMk/>
            <pc:sldMk cId="1936163950" sldId="295"/>
            <ac:grpSpMk id="4" creationId="{206F47D3-ED08-BBA5-EDB6-15D15EB8C1DE}"/>
          </ac:grpSpMkLst>
        </pc:grpChg>
        <pc:grpChg chg="add mod">
          <ac:chgData name="Lukasz Kutrzuba" userId="S::lukasz.kutrzuba@ericsson.com::362f5cc4-0ca4-4e9d-91a9-91fb4ffaabd5" providerId="AD" clId="Web-{FD898A74-8130-44C3-B225-5724EBA34C2C}" dt="2022-11-25T12:37:05.529" v="10" actId="1076"/>
          <ac:grpSpMkLst>
            <pc:docMk/>
            <pc:sldMk cId="1936163950" sldId="295"/>
            <ac:grpSpMk id="6" creationId="{26FB2E20-5CFB-8A84-3D3D-64F47DE33FDC}"/>
          </ac:grpSpMkLst>
        </pc:grpChg>
        <pc:picChg chg="add mod">
          <ac:chgData name="Lukasz Kutrzuba" userId="S::lukasz.kutrzuba@ericsson.com::362f5cc4-0ca4-4e9d-91a9-91fb4ffaabd5" providerId="AD" clId="Web-{FD898A74-8130-44C3-B225-5724EBA34C2C}" dt="2022-11-25T12:36:51.497" v="7" actId="1076"/>
          <ac:picMkLst>
            <pc:docMk/>
            <pc:sldMk cId="1936163950" sldId="295"/>
            <ac:picMk id="2" creationId="{2BF5DDC9-A3EE-3E04-62F1-8E7073831E94}"/>
          </ac:picMkLst>
        </pc:picChg>
        <pc:picChg chg="del topLvl">
          <ac:chgData name="Lukasz Kutrzuba" userId="S::lukasz.kutrzuba@ericsson.com::362f5cc4-0ca4-4e9d-91a9-91fb4ffaabd5" providerId="AD" clId="Web-{FD898A74-8130-44C3-B225-5724EBA34C2C}" dt="2022-11-25T12:36:41.543" v="1"/>
          <ac:picMkLst>
            <pc:docMk/>
            <pc:sldMk cId="1936163950" sldId="295"/>
            <ac:picMk id="3" creationId="{C886247B-3ED8-2FA7-1208-791526817AB6}"/>
          </ac:picMkLst>
        </pc:picChg>
        <pc:picChg chg="mod">
          <ac:chgData name="Lukasz Kutrzuba" userId="S::lukasz.kutrzuba@ericsson.com::362f5cc4-0ca4-4e9d-91a9-91fb4ffaabd5" providerId="AD" clId="Web-{FD898A74-8130-44C3-B225-5724EBA34C2C}" dt="2022-11-25T12:37:16.170" v="12" actId="1076"/>
          <ac:picMkLst>
            <pc:docMk/>
            <pc:sldMk cId="1936163950" sldId="295"/>
            <ac:picMk id="7" creationId="{AF378E94-B71C-293F-6211-34DD1989638A}"/>
          </ac:picMkLst>
        </pc:picChg>
      </pc:sldChg>
      <pc:sldChg chg="addSp delSp modSp">
        <pc:chgData name="Lukasz Kutrzuba" userId="S::lukasz.kutrzuba@ericsson.com::362f5cc4-0ca4-4e9d-91a9-91fb4ffaabd5" providerId="AD" clId="Web-{FD898A74-8130-44C3-B225-5724EBA34C2C}" dt="2022-11-25T12:37:51.375" v="23" actId="1076"/>
        <pc:sldMkLst>
          <pc:docMk/>
          <pc:sldMk cId="2530289182" sldId="297"/>
        </pc:sldMkLst>
        <pc:spChg chg="add del mod">
          <ac:chgData name="Lukasz Kutrzuba" userId="S::lukasz.kutrzuba@ericsson.com::362f5cc4-0ca4-4e9d-91a9-91fb4ffaabd5" providerId="AD" clId="Web-{FD898A74-8130-44C3-B225-5724EBA34C2C}" dt="2022-11-25T12:37:45.796" v="21" actId="20577"/>
          <ac:spMkLst>
            <pc:docMk/>
            <pc:sldMk cId="2530289182" sldId="297"/>
            <ac:spMk id="15" creationId="{4B7010BE-C963-44B5-BA09-4B0665340F6B}"/>
          </ac:spMkLst>
        </pc:spChg>
        <pc:picChg chg="del">
          <ac:chgData name="Lukasz Kutrzuba" userId="S::lukasz.kutrzuba@ericsson.com::362f5cc4-0ca4-4e9d-91a9-91fb4ffaabd5" providerId="AD" clId="Web-{FD898A74-8130-44C3-B225-5724EBA34C2C}" dt="2022-11-25T12:37:28.311" v="13"/>
          <ac:picMkLst>
            <pc:docMk/>
            <pc:sldMk cId="2530289182" sldId="297"/>
            <ac:picMk id="3" creationId="{D7D00C8D-F743-FCE5-7B1D-7BB46E76249D}"/>
          </ac:picMkLst>
        </pc:picChg>
        <pc:picChg chg="add del mod">
          <ac:chgData name="Lukasz Kutrzuba" userId="S::lukasz.kutrzuba@ericsson.com::362f5cc4-0ca4-4e9d-91a9-91fb4ffaabd5" providerId="AD" clId="Web-{FD898A74-8130-44C3-B225-5724EBA34C2C}" dt="2022-11-25T12:37:40.187" v="19"/>
          <ac:picMkLst>
            <pc:docMk/>
            <pc:sldMk cId="2530289182" sldId="297"/>
            <ac:picMk id="4" creationId="{304956FB-6AD7-3FB4-899A-EFCC0781D10A}"/>
          </ac:picMkLst>
        </pc:picChg>
        <pc:picChg chg="add mod">
          <ac:chgData name="Lukasz Kutrzuba" userId="S::lukasz.kutrzuba@ericsson.com::362f5cc4-0ca4-4e9d-91a9-91fb4ffaabd5" providerId="AD" clId="Web-{FD898A74-8130-44C3-B225-5724EBA34C2C}" dt="2022-11-25T12:37:51.375" v="23" actId="1076"/>
          <ac:picMkLst>
            <pc:docMk/>
            <pc:sldMk cId="2530289182" sldId="297"/>
            <ac:picMk id="6" creationId="{880CD0CC-6FDC-A4CD-AAB6-DFA8FF3BAC93}"/>
          </ac:picMkLst>
        </pc:picChg>
      </pc:sldChg>
      <pc:sldChg chg="addSp delSp modSp">
        <pc:chgData name="Lukasz Kutrzuba" userId="S::lukasz.kutrzuba@ericsson.com::362f5cc4-0ca4-4e9d-91a9-91fb4ffaabd5" providerId="AD" clId="Web-{FD898A74-8130-44C3-B225-5724EBA34C2C}" dt="2022-11-25T12:38:45.283" v="36" actId="1076"/>
        <pc:sldMkLst>
          <pc:docMk/>
          <pc:sldMk cId="1804972876" sldId="308"/>
        </pc:sldMkLst>
        <pc:spChg chg="add">
          <ac:chgData name="Lukasz Kutrzuba" userId="S::lukasz.kutrzuba@ericsson.com::362f5cc4-0ca4-4e9d-91a9-91fb4ffaabd5" providerId="AD" clId="Web-{FD898A74-8130-44C3-B225-5724EBA34C2C}" dt="2022-11-25T12:38:42.924" v="35"/>
          <ac:spMkLst>
            <pc:docMk/>
            <pc:sldMk cId="1804972876" sldId="308"/>
            <ac:spMk id="15" creationId="{0ABF2263-B439-F7D9-3ADF-37667AC69113}"/>
          </ac:spMkLst>
        </pc:spChg>
        <pc:grpChg chg="del">
          <ac:chgData name="Lukasz Kutrzuba" userId="S::lukasz.kutrzuba@ericsson.com::362f5cc4-0ca4-4e9d-91a9-91fb4ffaabd5" providerId="AD" clId="Web-{FD898A74-8130-44C3-B225-5724EBA34C2C}" dt="2022-11-25T12:38:08.469" v="25"/>
          <ac:grpSpMkLst>
            <pc:docMk/>
            <pc:sldMk cId="1804972876" sldId="308"/>
            <ac:grpSpMk id="7" creationId="{9682E7CE-5E60-1163-58F1-99077327E851}"/>
          </ac:grpSpMkLst>
        </pc:grpChg>
        <pc:picChg chg="add mod">
          <ac:chgData name="Lukasz Kutrzuba" userId="S::lukasz.kutrzuba@ericsson.com::362f5cc4-0ca4-4e9d-91a9-91fb4ffaabd5" providerId="AD" clId="Web-{FD898A74-8130-44C3-B225-5724EBA34C2C}" dt="2022-11-25T12:38:45.283" v="36" actId="1076"/>
          <ac:picMkLst>
            <pc:docMk/>
            <pc:sldMk cId="1804972876" sldId="308"/>
            <ac:picMk id="4" creationId="{70B912A4-1AE0-CEFD-C70D-299EF66ACF4F}"/>
          </ac:picMkLst>
        </pc:picChg>
      </pc:sldChg>
      <pc:sldChg chg="addSp delSp modSp">
        <pc:chgData name="Lukasz Kutrzuba" userId="S::lukasz.kutrzuba@ericsson.com::362f5cc4-0ca4-4e9d-91a9-91fb4ffaabd5" providerId="AD" clId="Web-{FD898A74-8130-44C3-B225-5724EBA34C2C}" dt="2022-11-25T12:38:41.111" v="34"/>
        <pc:sldMkLst>
          <pc:docMk/>
          <pc:sldMk cId="982755593" sldId="309"/>
        </pc:sldMkLst>
        <pc:spChg chg="add">
          <ac:chgData name="Lukasz Kutrzuba" userId="S::lukasz.kutrzuba@ericsson.com::362f5cc4-0ca4-4e9d-91a9-91fb4ffaabd5" providerId="AD" clId="Web-{FD898A74-8130-44C3-B225-5724EBA34C2C}" dt="2022-11-25T12:38:41.111" v="34"/>
          <ac:spMkLst>
            <pc:docMk/>
            <pc:sldMk cId="982755593" sldId="309"/>
            <ac:spMk id="16" creationId="{91185BD1-E4E5-D64E-D5ED-9700CA47E655}"/>
          </ac:spMkLst>
        </pc:spChg>
        <pc:grpChg chg="del">
          <ac:chgData name="Lukasz Kutrzuba" userId="S::lukasz.kutrzuba@ericsson.com::362f5cc4-0ca4-4e9d-91a9-91fb4ffaabd5" providerId="AD" clId="Web-{FD898A74-8130-44C3-B225-5724EBA34C2C}" dt="2022-11-25T12:38:14.298" v="28"/>
          <ac:grpSpMkLst>
            <pc:docMk/>
            <pc:sldMk cId="982755593" sldId="309"/>
            <ac:grpSpMk id="3" creationId="{D59EC58D-0A58-70BD-0423-91AFC823CB1B}"/>
          </ac:grpSpMkLst>
        </pc:grpChg>
        <pc:picChg chg="add mod">
          <ac:chgData name="Lukasz Kutrzuba" userId="S::lukasz.kutrzuba@ericsson.com::362f5cc4-0ca4-4e9d-91a9-91fb4ffaabd5" providerId="AD" clId="Web-{FD898A74-8130-44C3-B225-5724EBA34C2C}" dt="2022-11-25T12:38:16.391" v="30" actId="1076"/>
          <ac:picMkLst>
            <pc:docMk/>
            <pc:sldMk cId="982755593" sldId="309"/>
            <ac:picMk id="8" creationId="{795426F7-E7B3-44B3-EC1D-CA7737E5B538}"/>
          </ac:picMkLst>
        </pc:picChg>
        <pc:picChg chg="add del">
          <ac:chgData name="Lukasz Kutrzuba" userId="S::lukasz.kutrzuba@ericsson.com::362f5cc4-0ca4-4e9d-91a9-91fb4ffaabd5" providerId="AD" clId="Web-{FD898A74-8130-44C3-B225-5724EBA34C2C}" dt="2022-11-25T12:38:36.205" v="33"/>
          <ac:picMkLst>
            <pc:docMk/>
            <pc:sldMk cId="982755593" sldId="309"/>
            <ac:picMk id="11" creationId="{EE1AC17C-D25F-A311-969B-D1301589843E}"/>
          </ac:picMkLst>
        </pc:picChg>
      </pc:sldChg>
      <pc:sldChg chg="addSp delSp modSp">
        <pc:chgData name="Lukasz Kutrzuba" userId="S::lukasz.kutrzuba@ericsson.com::362f5cc4-0ca4-4e9d-91a9-91fb4ffaabd5" providerId="AD" clId="Web-{FD898A74-8130-44C3-B225-5724EBA34C2C}" dt="2022-11-25T12:38:57.893" v="46" actId="14100"/>
        <pc:sldMkLst>
          <pc:docMk/>
          <pc:sldMk cId="928204253" sldId="310"/>
        </pc:sldMkLst>
        <pc:spChg chg="topLvl">
          <ac:chgData name="Lukasz Kutrzuba" userId="S::lukasz.kutrzuba@ericsson.com::362f5cc4-0ca4-4e9d-91a9-91fb4ffaabd5" providerId="AD" clId="Web-{FD898A74-8130-44C3-B225-5724EBA34C2C}" dt="2022-11-25T12:38:29.955" v="31"/>
          <ac:spMkLst>
            <pc:docMk/>
            <pc:sldMk cId="928204253" sldId="310"/>
            <ac:spMk id="3" creationId="{18E2E435-FBED-C85B-0D02-FECF94D93F1F}"/>
          </ac:spMkLst>
        </pc:spChg>
        <pc:spChg chg="mod">
          <ac:chgData name="Lukasz Kutrzuba" userId="S::lukasz.kutrzuba@ericsson.com::362f5cc4-0ca4-4e9d-91a9-91fb4ffaabd5" providerId="AD" clId="Web-{FD898A74-8130-44C3-B225-5724EBA34C2C}" dt="2022-11-25T12:38:51.127" v="43" actId="20577"/>
          <ac:spMkLst>
            <pc:docMk/>
            <pc:sldMk cId="928204253" sldId="310"/>
            <ac:spMk id="12" creationId="{4FFB8876-A80B-45BF-B457-69F329D40EAB}"/>
          </ac:spMkLst>
        </pc:spChg>
        <pc:grpChg chg="del">
          <ac:chgData name="Lukasz Kutrzuba" userId="S::lukasz.kutrzuba@ericsson.com::362f5cc4-0ca4-4e9d-91a9-91fb4ffaabd5" providerId="AD" clId="Web-{FD898A74-8130-44C3-B225-5724EBA34C2C}" dt="2022-11-25T12:38:29.955" v="31"/>
          <ac:grpSpMkLst>
            <pc:docMk/>
            <pc:sldMk cId="928204253" sldId="310"/>
            <ac:grpSpMk id="5" creationId="{DBEDD815-B55D-F66B-8103-6C319BA9D7C7}"/>
          </ac:grpSpMkLst>
        </pc:grpChg>
        <pc:picChg chg="del topLvl">
          <ac:chgData name="Lukasz Kutrzuba" userId="S::lukasz.kutrzuba@ericsson.com::362f5cc4-0ca4-4e9d-91a9-91fb4ffaabd5" providerId="AD" clId="Web-{FD898A74-8130-44C3-B225-5724EBA34C2C}" dt="2022-11-25T12:38:55.315" v="44"/>
          <ac:picMkLst>
            <pc:docMk/>
            <pc:sldMk cId="928204253" sldId="310"/>
            <ac:picMk id="4" creationId="{1BF8A179-EB9E-F32E-0BD2-BC34C58A1C1F}"/>
          </ac:picMkLst>
        </pc:picChg>
        <pc:picChg chg="add mod">
          <ac:chgData name="Lukasz Kutrzuba" userId="S::lukasz.kutrzuba@ericsson.com::362f5cc4-0ca4-4e9d-91a9-91fb4ffaabd5" providerId="AD" clId="Web-{FD898A74-8130-44C3-B225-5724EBA34C2C}" dt="2022-11-25T12:38:57.893" v="46" actId="14100"/>
          <ac:picMkLst>
            <pc:docMk/>
            <pc:sldMk cId="928204253" sldId="310"/>
            <ac:picMk id="9" creationId="{A809C95C-BF1E-B65A-E4F1-ACCEB9E89E85}"/>
          </ac:picMkLst>
        </pc:picChg>
      </pc:sldChg>
      <pc:sldChg chg="modSp">
        <pc:chgData name="Lukasz Kutrzuba" userId="S::lukasz.kutrzuba@ericsson.com::362f5cc4-0ca4-4e9d-91a9-91fb4ffaabd5" providerId="AD" clId="Web-{FD898A74-8130-44C3-B225-5724EBA34C2C}" dt="2022-11-25T12:38:02.610" v="24" actId="14100"/>
        <pc:sldMkLst>
          <pc:docMk/>
          <pc:sldMk cId="1750462366" sldId="349"/>
        </pc:sldMkLst>
        <pc:picChg chg="mod">
          <ac:chgData name="Lukasz Kutrzuba" userId="S::lukasz.kutrzuba@ericsson.com::362f5cc4-0ca4-4e9d-91a9-91fb4ffaabd5" providerId="AD" clId="Web-{FD898A74-8130-44C3-B225-5724EBA34C2C}" dt="2022-11-25T12:38:02.610" v="24" actId="14100"/>
          <ac:picMkLst>
            <pc:docMk/>
            <pc:sldMk cId="1750462366" sldId="349"/>
            <ac:picMk id="15" creationId="{6B371CEA-7D69-41EE-882E-BA4D60BABB7A}"/>
          </ac:picMkLst>
        </pc:picChg>
      </pc:sldChg>
    </pc:docChg>
  </pc:docChgLst>
  <pc:docChgLst>
    <pc:chgData name="Lukasz Kutrzuba" userId="S::lukasz.kutrzuba@ericsson.com::362f5cc4-0ca4-4e9d-91a9-91fb4ffaabd5" providerId="AD" clId="Web-{E580FB1E-6579-4DAA-8DDE-68A8E9BD102A}"/>
    <pc:docChg chg="modSld">
      <pc:chgData name="Lukasz Kutrzuba" userId="S::lukasz.kutrzuba@ericsson.com::362f5cc4-0ca4-4e9d-91a9-91fb4ffaabd5" providerId="AD" clId="Web-{E580FB1E-6579-4DAA-8DDE-68A8E9BD102A}" dt="2022-12-02T12:12:24.397" v="7" actId="1076"/>
      <pc:docMkLst>
        <pc:docMk/>
      </pc:docMkLst>
      <pc:sldChg chg="addSp delSp modSp">
        <pc:chgData name="Lukasz Kutrzuba" userId="S::lukasz.kutrzuba@ericsson.com::362f5cc4-0ca4-4e9d-91a9-91fb4ffaabd5" providerId="AD" clId="Web-{E580FB1E-6579-4DAA-8DDE-68A8E9BD102A}" dt="2022-12-02T12:12:24.397" v="7" actId="1076"/>
        <pc:sldMkLst>
          <pc:docMk/>
          <pc:sldMk cId="167090222" sldId="300"/>
        </pc:sldMkLst>
        <pc:spChg chg="add del mod">
          <ac:chgData name="Lukasz Kutrzuba" userId="S::lukasz.kutrzuba@ericsson.com::362f5cc4-0ca4-4e9d-91a9-91fb4ffaabd5" providerId="AD" clId="Web-{E580FB1E-6579-4DAA-8DDE-68A8E9BD102A}" dt="2022-12-02T12:12:24.397" v="7" actId="1076"/>
          <ac:spMkLst>
            <pc:docMk/>
            <pc:sldMk cId="167090222" sldId="300"/>
            <ac:spMk id="3" creationId="{243A7F5D-3581-0B36-BC1C-32CFACCCCA23}"/>
          </ac:spMkLst>
        </pc:spChg>
      </pc:sldChg>
      <pc:sldChg chg="addSp delSp">
        <pc:chgData name="Lukasz Kutrzuba" userId="S::lukasz.kutrzuba@ericsson.com::362f5cc4-0ca4-4e9d-91a9-91fb4ffaabd5" providerId="AD" clId="Web-{E580FB1E-6579-4DAA-8DDE-68A8E9BD102A}" dt="2022-12-02T12:11:58.286" v="1"/>
        <pc:sldMkLst>
          <pc:docMk/>
          <pc:sldMk cId="2494811750" sldId="301"/>
        </pc:sldMkLst>
        <pc:spChg chg="add">
          <ac:chgData name="Lukasz Kutrzuba" userId="S::lukasz.kutrzuba@ericsson.com::362f5cc4-0ca4-4e9d-91a9-91fb4ffaabd5" providerId="AD" clId="Web-{E580FB1E-6579-4DAA-8DDE-68A8E9BD102A}" dt="2022-12-02T12:11:56.161" v="0"/>
          <ac:spMkLst>
            <pc:docMk/>
            <pc:sldMk cId="2494811750" sldId="301"/>
            <ac:spMk id="3" creationId="{56752994-109E-A46B-005B-220B43F65818}"/>
          </ac:spMkLst>
        </pc:spChg>
        <pc:spChg chg="del">
          <ac:chgData name="Lukasz Kutrzuba" userId="S::lukasz.kutrzuba@ericsson.com::362f5cc4-0ca4-4e9d-91a9-91fb4ffaabd5" providerId="AD" clId="Web-{E580FB1E-6579-4DAA-8DDE-68A8E9BD102A}" dt="2022-12-02T12:11:58.286" v="1"/>
          <ac:spMkLst>
            <pc:docMk/>
            <pc:sldMk cId="2494811750" sldId="301"/>
            <ac:spMk id="9" creationId="{344ADAD7-9270-4B5B-9971-440456C85859}"/>
          </ac:spMkLst>
        </pc:spChg>
      </pc:sldChg>
      <pc:sldChg chg="addSp delSp">
        <pc:chgData name="Lukasz Kutrzuba" userId="S::lukasz.kutrzuba@ericsson.com::362f5cc4-0ca4-4e9d-91a9-91fb4ffaabd5" providerId="AD" clId="Web-{E580FB1E-6579-4DAA-8DDE-68A8E9BD102A}" dt="2022-12-02T12:12:03.193" v="3"/>
        <pc:sldMkLst>
          <pc:docMk/>
          <pc:sldMk cId="1938067204" sldId="339"/>
        </pc:sldMkLst>
        <pc:spChg chg="add">
          <ac:chgData name="Lukasz Kutrzuba" userId="S::lukasz.kutrzuba@ericsson.com::362f5cc4-0ca4-4e9d-91a9-91fb4ffaabd5" providerId="AD" clId="Web-{E580FB1E-6579-4DAA-8DDE-68A8E9BD102A}" dt="2022-12-02T12:12:00.239" v="2"/>
          <ac:spMkLst>
            <pc:docMk/>
            <pc:sldMk cId="1938067204" sldId="339"/>
            <ac:spMk id="3" creationId="{D517C33A-18D8-F370-EEE7-E99EDA6F3BA6}"/>
          </ac:spMkLst>
        </pc:spChg>
        <pc:spChg chg="del">
          <ac:chgData name="Lukasz Kutrzuba" userId="S::lukasz.kutrzuba@ericsson.com::362f5cc4-0ca4-4e9d-91a9-91fb4ffaabd5" providerId="AD" clId="Web-{E580FB1E-6579-4DAA-8DDE-68A8E9BD102A}" dt="2022-12-02T12:12:03.193" v="3"/>
          <ac:spMkLst>
            <pc:docMk/>
            <pc:sldMk cId="1938067204" sldId="339"/>
            <ac:spMk id="8" creationId="{7A9D5495-105E-4291-A3EC-C5E14D519AA4}"/>
          </ac:spMkLst>
        </pc:spChg>
      </pc:sldChg>
    </pc:docChg>
  </pc:docChgLst>
  <pc:docChgLst>
    <pc:chgData name="Lukasz Kutrzuba" userId="S::lukasz.kutrzuba@ericsson.com::362f5cc4-0ca4-4e9d-91a9-91fb4ffaabd5" providerId="AD" clId="Web-{D10114CA-D5A2-40AC-9347-64C8444F8009}"/>
    <pc:docChg chg="modSld">
      <pc:chgData name="Lukasz Kutrzuba" userId="S::lukasz.kutrzuba@ericsson.com::362f5cc4-0ca4-4e9d-91a9-91fb4ffaabd5" providerId="AD" clId="Web-{D10114CA-D5A2-40AC-9347-64C8444F8009}" dt="2022-11-24T13:34:06.571" v="40" actId="1076"/>
      <pc:docMkLst>
        <pc:docMk/>
      </pc:docMkLst>
      <pc:sldChg chg="addSp delSp modSp">
        <pc:chgData name="Lukasz Kutrzuba" userId="S::lukasz.kutrzuba@ericsson.com::362f5cc4-0ca4-4e9d-91a9-91fb4ffaabd5" providerId="AD" clId="Web-{D10114CA-D5A2-40AC-9347-64C8444F8009}" dt="2022-11-24T13:32:22.850" v="13" actId="14100"/>
        <pc:sldMkLst>
          <pc:docMk/>
          <pc:sldMk cId="1936163950" sldId="295"/>
        </pc:sldMkLst>
        <pc:spChg chg="topLvl">
          <ac:chgData name="Lukasz Kutrzuba" userId="S::lukasz.kutrzuba@ericsson.com::362f5cc4-0ca4-4e9d-91a9-91fb4ffaabd5" providerId="AD" clId="Web-{D10114CA-D5A2-40AC-9347-64C8444F8009}" dt="2022-11-24T13:32:04.896" v="8"/>
          <ac:spMkLst>
            <pc:docMk/>
            <pc:sldMk cId="1936163950" sldId="295"/>
            <ac:spMk id="33" creationId="{47CA779B-FB37-4B3A-A0B7-F43D4BC1E31D}"/>
          </ac:spMkLst>
        </pc:spChg>
        <pc:grpChg chg="add mod">
          <ac:chgData name="Lukasz Kutrzuba" userId="S::lukasz.kutrzuba@ericsson.com::362f5cc4-0ca4-4e9d-91a9-91fb4ffaabd5" providerId="AD" clId="Web-{D10114CA-D5A2-40AC-9347-64C8444F8009}" dt="2022-11-24T13:32:22.850" v="13" actId="14100"/>
          <ac:grpSpMkLst>
            <pc:docMk/>
            <pc:sldMk cId="1936163950" sldId="295"/>
            <ac:grpSpMk id="4" creationId="{206F47D3-ED08-BBA5-EDB6-15D15EB8C1DE}"/>
          </ac:grpSpMkLst>
        </pc:grpChg>
        <pc:grpChg chg="mod">
          <ac:chgData name="Lukasz Kutrzuba" userId="S::lukasz.kutrzuba@ericsson.com::362f5cc4-0ca4-4e9d-91a9-91fb4ffaabd5" providerId="AD" clId="Web-{D10114CA-D5A2-40AC-9347-64C8444F8009}" dt="2022-11-24T13:32:01.224" v="7" actId="14100"/>
          <ac:grpSpMkLst>
            <pc:docMk/>
            <pc:sldMk cId="1936163950" sldId="295"/>
            <ac:grpSpMk id="34" creationId="{D7690601-41FB-48E1-A975-82C3D65A57AE}"/>
          </ac:grpSpMkLst>
        </pc:grpChg>
        <pc:grpChg chg="add del">
          <ac:chgData name="Lukasz Kutrzuba" userId="S::lukasz.kutrzuba@ericsson.com::362f5cc4-0ca4-4e9d-91a9-91fb4ffaabd5" providerId="AD" clId="Web-{D10114CA-D5A2-40AC-9347-64C8444F8009}" dt="2022-11-24T13:32:04.896" v="8"/>
          <ac:grpSpMkLst>
            <pc:docMk/>
            <pc:sldMk cId="1936163950" sldId="295"/>
            <ac:grpSpMk id="35" creationId="{DD9A8847-EFA2-4B02-97A3-7DBD4CE6A1A1}"/>
          </ac:grpSpMkLst>
        </pc:grpChg>
        <pc:picChg chg="add del mod">
          <ac:chgData name="Lukasz Kutrzuba" userId="S::lukasz.kutrzuba@ericsson.com::362f5cc4-0ca4-4e9d-91a9-91fb4ffaabd5" providerId="AD" clId="Web-{D10114CA-D5A2-40AC-9347-64C8444F8009}" dt="2022-11-24T13:22:22.303" v="2"/>
          <ac:picMkLst>
            <pc:docMk/>
            <pc:sldMk cId="1936163950" sldId="295"/>
            <ac:picMk id="2" creationId="{EAE312C4-7F70-C418-6663-CCC976CE5BE0}"/>
          </ac:picMkLst>
        </pc:picChg>
        <pc:picChg chg="add mod">
          <ac:chgData name="Lukasz Kutrzuba" userId="S::lukasz.kutrzuba@ericsson.com::362f5cc4-0ca4-4e9d-91a9-91fb4ffaabd5" providerId="AD" clId="Web-{D10114CA-D5A2-40AC-9347-64C8444F8009}" dt="2022-11-24T13:32:06.583" v="9" actId="1076"/>
          <ac:picMkLst>
            <pc:docMk/>
            <pc:sldMk cId="1936163950" sldId="295"/>
            <ac:picMk id="3" creationId="{C886247B-3ED8-2FA7-1208-791526817AB6}"/>
          </ac:picMkLst>
        </pc:picChg>
        <pc:picChg chg="del topLvl">
          <ac:chgData name="Lukasz Kutrzuba" userId="S::lukasz.kutrzuba@ericsson.com::362f5cc4-0ca4-4e9d-91a9-91fb4ffaabd5" providerId="AD" clId="Web-{D10114CA-D5A2-40AC-9347-64C8444F8009}" dt="2022-11-24T13:32:04.896" v="8"/>
          <ac:picMkLst>
            <pc:docMk/>
            <pc:sldMk cId="1936163950" sldId="295"/>
            <ac:picMk id="31" creationId="{B373FBE3-43A1-4214-8B84-26035363C415}"/>
          </ac:picMkLst>
        </pc:picChg>
      </pc:sldChg>
      <pc:sldChg chg="addSp delSp modSp">
        <pc:chgData name="Lukasz Kutrzuba" userId="S::lukasz.kutrzuba@ericsson.com::362f5cc4-0ca4-4e9d-91a9-91fb4ffaabd5" providerId="AD" clId="Web-{D10114CA-D5A2-40AC-9347-64C8444F8009}" dt="2022-11-24T13:32:49.085" v="21" actId="1076"/>
        <pc:sldMkLst>
          <pc:docMk/>
          <pc:sldMk cId="2530289182" sldId="297"/>
        </pc:sldMkLst>
        <pc:spChg chg="mod topLvl">
          <ac:chgData name="Lukasz Kutrzuba" userId="S::lukasz.kutrzuba@ericsson.com::362f5cc4-0ca4-4e9d-91a9-91fb4ffaabd5" providerId="AD" clId="Web-{D10114CA-D5A2-40AC-9347-64C8444F8009}" dt="2022-11-24T13:32:47.772" v="20" actId="1076"/>
          <ac:spMkLst>
            <pc:docMk/>
            <pc:sldMk cId="2530289182" sldId="297"/>
            <ac:spMk id="15" creationId="{4B7010BE-C963-44B5-BA09-4B0665340F6B}"/>
          </ac:spMkLst>
        </pc:spChg>
        <pc:grpChg chg="add del">
          <ac:chgData name="Lukasz Kutrzuba" userId="S::lukasz.kutrzuba@ericsson.com::362f5cc4-0ca4-4e9d-91a9-91fb4ffaabd5" providerId="AD" clId="Web-{D10114CA-D5A2-40AC-9347-64C8444F8009}" dt="2022-11-24T13:32:36.131" v="16"/>
          <ac:grpSpMkLst>
            <pc:docMk/>
            <pc:sldMk cId="2530289182" sldId="297"/>
            <ac:grpSpMk id="9" creationId="{1C82BF9D-43AE-4724-9BD9-7812DB9C092B}"/>
          </ac:grpSpMkLst>
        </pc:grpChg>
        <pc:picChg chg="add mod">
          <ac:chgData name="Lukasz Kutrzuba" userId="S::lukasz.kutrzuba@ericsson.com::362f5cc4-0ca4-4e9d-91a9-91fb4ffaabd5" providerId="AD" clId="Web-{D10114CA-D5A2-40AC-9347-64C8444F8009}" dt="2022-11-24T13:32:49.085" v="21" actId="1076"/>
          <ac:picMkLst>
            <pc:docMk/>
            <pc:sldMk cId="2530289182" sldId="297"/>
            <ac:picMk id="3" creationId="{D7D00C8D-F743-FCE5-7B1D-7BB46E76249D}"/>
          </ac:picMkLst>
        </pc:picChg>
        <pc:picChg chg="del topLvl">
          <ac:chgData name="Lukasz Kutrzuba" userId="S::lukasz.kutrzuba@ericsson.com::362f5cc4-0ca4-4e9d-91a9-91fb4ffaabd5" providerId="AD" clId="Web-{D10114CA-D5A2-40AC-9347-64C8444F8009}" dt="2022-11-24T13:32:40.006" v="17"/>
          <ac:picMkLst>
            <pc:docMk/>
            <pc:sldMk cId="2530289182" sldId="297"/>
            <ac:picMk id="11" creationId="{4747A52F-29B2-4AB9-8085-94B874E66545}"/>
          </ac:picMkLst>
        </pc:picChg>
      </pc:sldChg>
      <pc:sldChg chg="addSp delSp modSp">
        <pc:chgData name="Lukasz Kutrzuba" userId="S::lukasz.kutrzuba@ericsson.com::362f5cc4-0ca4-4e9d-91a9-91fb4ffaabd5" providerId="AD" clId="Web-{D10114CA-D5A2-40AC-9347-64C8444F8009}" dt="2022-11-24T13:34:06.571" v="40" actId="1076"/>
        <pc:sldMkLst>
          <pc:docMk/>
          <pc:sldMk cId="1804972876" sldId="308"/>
        </pc:sldMkLst>
        <pc:grpChg chg="add mod">
          <ac:chgData name="Lukasz Kutrzuba" userId="S::lukasz.kutrzuba@ericsson.com::362f5cc4-0ca4-4e9d-91a9-91fb4ffaabd5" providerId="AD" clId="Web-{D10114CA-D5A2-40AC-9347-64C8444F8009}" dt="2022-11-24T13:34:06.571" v="40" actId="1076"/>
          <ac:grpSpMkLst>
            <pc:docMk/>
            <pc:sldMk cId="1804972876" sldId="308"/>
            <ac:grpSpMk id="7" creationId="{9682E7CE-5E60-1163-58F1-99077327E851}"/>
          </ac:grpSpMkLst>
        </pc:grpChg>
        <pc:grpChg chg="del">
          <ac:chgData name="Lukasz Kutrzuba" userId="S::lukasz.kutrzuba@ericsson.com::362f5cc4-0ca4-4e9d-91a9-91fb4ffaabd5" providerId="AD" clId="Web-{D10114CA-D5A2-40AC-9347-64C8444F8009}" dt="2022-11-24T13:32:57.819" v="22"/>
          <ac:grpSpMkLst>
            <pc:docMk/>
            <pc:sldMk cId="1804972876" sldId="308"/>
            <ac:grpSpMk id="15" creationId="{1168A254-FFA0-4DAF-9DBB-8F6EB710388A}"/>
          </ac:grpSpMkLst>
        </pc:grpChg>
        <pc:picChg chg="add del mod">
          <ac:chgData name="Lukasz Kutrzuba" userId="S::lukasz.kutrzuba@ericsson.com::362f5cc4-0ca4-4e9d-91a9-91fb4ffaabd5" providerId="AD" clId="Web-{D10114CA-D5A2-40AC-9347-64C8444F8009}" dt="2022-11-24T13:34:03.524" v="38"/>
          <ac:picMkLst>
            <pc:docMk/>
            <pc:sldMk cId="1804972876" sldId="308"/>
            <ac:picMk id="3" creationId="{1FC23623-DED8-47DB-662F-03CB0E5A345B}"/>
          </ac:picMkLst>
        </pc:picChg>
      </pc:sldChg>
      <pc:sldChg chg="addSp delSp modSp">
        <pc:chgData name="Lukasz Kutrzuba" userId="S::lukasz.kutrzuba@ericsson.com::362f5cc4-0ca4-4e9d-91a9-91fb4ffaabd5" providerId="AD" clId="Web-{D10114CA-D5A2-40AC-9347-64C8444F8009}" dt="2022-11-24T13:33:54.414" v="34"/>
        <pc:sldMkLst>
          <pc:docMk/>
          <pc:sldMk cId="982755593" sldId="309"/>
        </pc:sldMkLst>
        <pc:spChg chg="mod topLvl">
          <ac:chgData name="Lukasz Kutrzuba" userId="S::lukasz.kutrzuba@ericsson.com::362f5cc4-0ca4-4e9d-91a9-91fb4ffaabd5" providerId="AD" clId="Web-{D10114CA-D5A2-40AC-9347-64C8444F8009}" dt="2022-11-24T13:33:44.773" v="33" actId="1076"/>
          <ac:spMkLst>
            <pc:docMk/>
            <pc:sldMk cId="982755593" sldId="309"/>
            <ac:spMk id="18" creationId="{8D0545B7-8399-4E7E-8DB9-20F071C9FF45}"/>
          </ac:spMkLst>
        </pc:spChg>
        <pc:grpChg chg="add">
          <ac:chgData name="Lukasz Kutrzuba" userId="S::lukasz.kutrzuba@ericsson.com::362f5cc4-0ca4-4e9d-91a9-91fb4ffaabd5" providerId="AD" clId="Web-{D10114CA-D5A2-40AC-9347-64C8444F8009}" dt="2022-11-24T13:33:54.414" v="34"/>
          <ac:grpSpMkLst>
            <pc:docMk/>
            <pc:sldMk cId="982755593" sldId="309"/>
            <ac:grpSpMk id="3" creationId="{D59EC58D-0A58-70BD-0423-91AFC823CB1B}"/>
          </ac:grpSpMkLst>
        </pc:grpChg>
        <pc:grpChg chg="add del">
          <ac:chgData name="Lukasz Kutrzuba" userId="S::lukasz.kutrzuba@ericsson.com::362f5cc4-0ca4-4e9d-91a9-91fb4ffaabd5" providerId="AD" clId="Web-{D10114CA-D5A2-40AC-9347-64C8444F8009}" dt="2022-11-24T13:33:19.867" v="29"/>
          <ac:grpSpMkLst>
            <pc:docMk/>
            <pc:sldMk cId="982755593" sldId="309"/>
            <ac:grpSpMk id="15" creationId="{1168A254-FFA0-4DAF-9DBB-8F6EB710388A}"/>
          </ac:grpSpMkLst>
        </pc:grpChg>
        <pc:picChg chg="add mod">
          <ac:chgData name="Lukasz Kutrzuba" userId="S::lukasz.kutrzuba@ericsson.com::362f5cc4-0ca4-4e9d-91a9-91fb4ffaabd5" providerId="AD" clId="Web-{D10114CA-D5A2-40AC-9347-64C8444F8009}" dt="2022-11-24T13:33:41.320" v="32" actId="1076"/>
          <ac:picMkLst>
            <pc:docMk/>
            <pc:sldMk cId="982755593" sldId="309"/>
            <ac:picMk id="2" creationId="{5C2DDF28-4809-A5BE-54BD-0537F6B137CB}"/>
          </ac:picMkLst>
        </pc:picChg>
        <pc:picChg chg="del topLvl">
          <ac:chgData name="Lukasz Kutrzuba" userId="S::lukasz.kutrzuba@ericsson.com::362f5cc4-0ca4-4e9d-91a9-91fb4ffaabd5" providerId="AD" clId="Web-{D10114CA-D5A2-40AC-9347-64C8444F8009}" dt="2022-11-24T13:33:23.476" v="30"/>
          <ac:picMkLst>
            <pc:docMk/>
            <pc:sldMk cId="982755593" sldId="309"/>
            <ac:picMk id="16" creationId="{CB367263-08E8-48F6-8B20-46A7AEFE83F7}"/>
          </ac:picMkLst>
        </pc:picChg>
      </pc:sldChg>
      <pc:sldChg chg="addSp delSp modSp">
        <pc:chgData name="Lukasz Kutrzuba" userId="S::lukasz.kutrzuba@ericsson.com::362f5cc4-0ca4-4e9d-91a9-91fb4ffaabd5" providerId="AD" clId="Web-{D10114CA-D5A2-40AC-9347-64C8444F8009}" dt="2022-11-24T13:34:01.024" v="37" actId="1076"/>
        <pc:sldMkLst>
          <pc:docMk/>
          <pc:sldMk cId="928204253" sldId="310"/>
        </pc:sldMkLst>
        <pc:grpChg chg="add mod">
          <ac:chgData name="Lukasz Kutrzuba" userId="S::lukasz.kutrzuba@ericsson.com::362f5cc4-0ca4-4e9d-91a9-91fb4ffaabd5" providerId="AD" clId="Web-{D10114CA-D5A2-40AC-9347-64C8444F8009}" dt="2022-11-24T13:34:01.024" v="37" actId="1076"/>
          <ac:grpSpMkLst>
            <pc:docMk/>
            <pc:sldMk cId="928204253" sldId="310"/>
            <ac:grpSpMk id="5" creationId="{DBEDD815-B55D-F66B-8103-6C319BA9D7C7}"/>
          </ac:grpSpMkLst>
        </pc:grpChg>
        <pc:grpChg chg="del">
          <ac:chgData name="Lukasz Kutrzuba" userId="S::lukasz.kutrzuba@ericsson.com::362f5cc4-0ca4-4e9d-91a9-91fb4ffaabd5" providerId="AD" clId="Web-{D10114CA-D5A2-40AC-9347-64C8444F8009}" dt="2022-11-24T13:33:57.836" v="35"/>
          <ac:grpSpMkLst>
            <pc:docMk/>
            <pc:sldMk cId="928204253" sldId="310"/>
            <ac:grpSpMk id="15" creationId="{1168A254-FFA0-4DAF-9DBB-8F6EB710388A}"/>
          </ac:grpSpMkLst>
        </pc:grpChg>
      </pc:sldChg>
    </pc:docChg>
  </pc:docChgLst>
  <pc:docChgLst>
    <pc:chgData name="Lukasz Kutrzuba" userId="S::lukasz.kutrzuba@ericsson.com::362f5cc4-0ca4-4e9d-91a9-91fb4ffaabd5" providerId="AD" clId="Web-{0E7F74C6-0A30-4D80-A9BA-EABC1612F5F3}"/>
    <pc:docChg chg="modSld">
      <pc:chgData name="Lukasz Kutrzuba" userId="S::lukasz.kutrzuba@ericsson.com::362f5cc4-0ca4-4e9d-91a9-91fb4ffaabd5" providerId="AD" clId="Web-{0E7F74C6-0A30-4D80-A9BA-EABC1612F5F3}" dt="2022-11-30T20:42:02.328" v="345" actId="20577"/>
      <pc:docMkLst>
        <pc:docMk/>
      </pc:docMkLst>
      <pc:sldChg chg="modSp">
        <pc:chgData name="Lukasz Kutrzuba" userId="S::lukasz.kutrzuba@ericsson.com::362f5cc4-0ca4-4e9d-91a9-91fb4ffaabd5" providerId="AD" clId="Web-{0E7F74C6-0A30-4D80-A9BA-EABC1612F5F3}" dt="2022-11-30T20:22:21.159" v="21" actId="1076"/>
        <pc:sldMkLst>
          <pc:docMk/>
          <pc:sldMk cId="1369609917" sldId="290"/>
        </pc:sldMkLst>
        <pc:spChg chg="mod">
          <ac:chgData name="Lukasz Kutrzuba" userId="S::lukasz.kutrzuba@ericsson.com::362f5cc4-0ca4-4e9d-91a9-91fb4ffaabd5" providerId="AD" clId="Web-{0E7F74C6-0A30-4D80-A9BA-EABC1612F5F3}" dt="2022-11-30T20:22:17.784" v="20" actId="1076"/>
          <ac:spMkLst>
            <pc:docMk/>
            <pc:sldMk cId="1369609917" sldId="290"/>
            <ac:spMk id="17" creationId="{64F79DA2-F192-46F8-9918-FDE42342F149}"/>
          </ac:spMkLst>
        </pc:spChg>
        <pc:spChg chg="mod">
          <ac:chgData name="Lukasz Kutrzuba" userId="S::lukasz.kutrzuba@ericsson.com::362f5cc4-0ca4-4e9d-91a9-91fb4ffaabd5" providerId="AD" clId="Web-{0E7F74C6-0A30-4D80-A9BA-EABC1612F5F3}" dt="2022-11-30T20:22:21.159" v="21" actId="1076"/>
          <ac:spMkLst>
            <pc:docMk/>
            <pc:sldMk cId="1369609917" sldId="290"/>
            <ac:spMk id="19" creationId="{5DEAE8F4-9644-4E4E-BAC7-3AB1B9593647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42:02.328" v="345" actId="20577"/>
        <pc:sldMkLst>
          <pc:docMk/>
          <pc:sldMk cId="167090222" sldId="300"/>
        </pc:sldMkLst>
        <pc:spChg chg="mod">
          <ac:chgData name="Lukasz Kutrzuba" userId="S::lukasz.kutrzuba@ericsson.com::362f5cc4-0ca4-4e9d-91a9-91fb4ffaabd5" providerId="AD" clId="Web-{0E7F74C6-0A30-4D80-A9BA-EABC1612F5F3}" dt="2022-11-30T20:42:02.328" v="345" actId="20577"/>
          <ac:spMkLst>
            <pc:docMk/>
            <pc:sldMk cId="167090222" sldId="300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41:37.734" v="336" actId="20577"/>
        <pc:sldMkLst>
          <pc:docMk/>
          <pc:sldMk cId="2494811750" sldId="301"/>
        </pc:sldMkLst>
        <pc:spChg chg="mod">
          <ac:chgData name="Lukasz Kutrzuba" userId="S::lukasz.kutrzuba@ericsson.com::362f5cc4-0ca4-4e9d-91a9-91fb4ffaabd5" providerId="AD" clId="Web-{0E7F74C6-0A30-4D80-A9BA-EABC1612F5F3}" dt="2022-11-30T20:41:37.734" v="336" actId="20577"/>
          <ac:spMkLst>
            <pc:docMk/>
            <pc:sldMk cId="2494811750" sldId="301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41:20.749" v="334" actId="20577"/>
        <pc:sldMkLst>
          <pc:docMk/>
          <pc:sldMk cId="4027915597" sldId="321"/>
        </pc:sldMkLst>
        <pc:spChg chg="mod">
          <ac:chgData name="Lukasz Kutrzuba" userId="S::lukasz.kutrzuba@ericsson.com::362f5cc4-0ca4-4e9d-91a9-91fb4ffaabd5" providerId="AD" clId="Web-{0E7F74C6-0A30-4D80-A9BA-EABC1612F5F3}" dt="2022-11-30T20:41:20.749" v="334" actId="20577"/>
          <ac:spMkLst>
            <pc:docMk/>
            <pc:sldMk cId="4027915597" sldId="321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40:40.200" v="323" actId="20577"/>
        <pc:sldMkLst>
          <pc:docMk/>
          <pc:sldMk cId="3804979791" sldId="322"/>
        </pc:sldMkLst>
        <pc:spChg chg="mod">
          <ac:chgData name="Lukasz Kutrzuba" userId="S::lukasz.kutrzuba@ericsson.com::362f5cc4-0ca4-4e9d-91a9-91fb4ffaabd5" providerId="AD" clId="Web-{0E7F74C6-0A30-4D80-A9BA-EABC1612F5F3}" dt="2022-11-30T20:40:40.200" v="323" actId="20577"/>
          <ac:spMkLst>
            <pc:docMk/>
            <pc:sldMk cId="3804979791" sldId="322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40:19.746" v="319" actId="20577"/>
        <pc:sldMkLst>
          <pc:docMk/>
          <pc:sldMk cId="2598946590" sldId="323"/>
        </pc:sldMkLst>
        <pc:spChg chg="mod">
          <ac:chgData name="Lukasz Kutrzuba" userId="S::lukasz.kutrzuba@ericsson.com::362f5cc4-0ca4-4e9d-91a9-91fb4ffaabd5" providerId="AD" clId="Web-{0E7F74C6-0A30-4D80-A9BA-EABC1612F5F3}" dt="2022-11-30T20:40:19.746" v="319" actId="20577"/>
          <ac:spMkLst>
            <pc:docMk/>
            <pc:sldMk cId="2598946590" sldId="323"/>
            <ac:spMk id="6" creationId="{47FF956E-2C7F-43E0-B4D2-86180E811C0C}"/>
          </ac:spMkLst>
        </pc:spChg>
        <pc:spChg chg="mod">
          <ac:chgData name="Lukasz Kutrzuba" userId="S::lukasz.kutrzuba@ericsson.com::362f5cc4-0ca4-4e9d-91a9-91fb4ffaabd5" providerId="AD" clId="Web-{0E7F74C6-0A30-4D80-A9BA-EABC1612F5F3}" dt="2022-11-30T20:27:21.296" v="113" actId="14100"/>
          <ac:spMkLst>
            <pc:docMk/>
            <pc:sldMk cId="2598946590" sldId="323"/>
            <ac:spMk id="12" creationId="{4FFB8876-A80B-45BF-B457-69F329D40EAB}"/>
          </ac:spMkLst>
        </pc:spChg>
        <pc:grpChg chg="mod">
          <ac:chgData name="Lukasz Kutrzuba" userId="S::lukasz.kutrzuba@ericsson.com::362f5cc4-0ca4-4e9d-91a9-91fb4ffaabd5" providerId="AD" clId="Web-{0E7F74C6-0A30-4D80-A9BA-EABC1612F5F3}" dt="2022-11-30T20:27:04.623" v="104" actId="1076"/>
          <ac:grpSpMkLst>
            <pc:docMk/>
            <pc:sldMk cId="2598946590" sldId="323"/>
            <ac:grpSpMk id="54" creationId="{59284013-14E0-4C3A-A613-049182C6B5B6}"/>
          </ac:grpSpMkLst>
        </pc:grpChg>
        <pc:picChg chg="mod">
          <ac:chgData name="Lukasz Kutrzuba" userId="S::lukasz.kutrzuba@ericsson.com::362f5cc4-0ca4-4e9d-91a9-91fb4ffaabd5" providerId="AD" clId="Web-{0E7F74C6-0A30-4D80-A9BA-EABC1612F5F3}" dt="2022-11-30T20:27:01.482" v="103" actId="1076"/>
          <ac:picMkLst>
            <pc:docMk/>
            <pc:sldMk cId="2598946590" sldId="323"/>
            <ac:picMk id="10" creationId="{3DBEB729-1203-44C5-AFA2-B745B6A191BC}"/>
          </ac:picMkLst>
        </pc:picChg>
      </pc:sldChg>
      <pc:sldChg chg="modSp">
        <pc:chgData name="Lukasz Kutrzuba" userId="S::lukasz.kutrzuba@ericsson.com::362f5cc4-0ca4-4e9d-91a9-91fb4ffaabd5" providerId="AD" clId="Web-{0E7F74C6-0A30-4D80-A9BA-EABC1612F5F3}" dt="2022-11-30T20:39:53.324" v="312" actId="20577"/>
        <pc:sldMkLst>
          <pc:docMk/>
          <pc:sldMk cId="3399295466" sldId="324"/>
        </pc:sldMkLst>
        <pc:spChg chg="mod">
          <ac:chgData name="Lukasz Kutrzuba" userId="S::lukasz.kutrzuba@ericsson.com::362f5cc4-0ca4-4e9d-91a9-91fb4ffaabd5" providerId="AD" clId="Web-{0E7F74C6-0A30-4D80-A9BA-EABC1612F5F3}" dt="2022-11-30T20:28:24.986" v="134" actId="1076"/>
          <ac:spMkLst>
            <pc:docMk/>
            <pc:sldMk cId="3399295466" sldId="324"/>
            <ac:spMk id="2" creationId="{6F5283E7-B53C-4E0F-9E68-754AABD6E936}"/>
          </ac:spMkLst>
        </pc:spChg>
        <pc:spChg chg="mod">
          <ac:chgData name="Lukasz Kutrzuba" userId="S::lukasz.kutrzuba@ericsson.com::362f5cc4-0ca4-4e9d-91a9-91fb4ffaabd5" providerId="AD" clId="Web-{0E7F74C6-0A30-4D80-A9BA-EABC1612F5F3}" dt="2022-11-30T20:28:47.846" v="141" actId="1076"/>
          <ac:spMkLst>
            <pc:docMk/>
            <pc:sldMk cId="3399295466" sldId="324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0E7F74C6-0A30-4D80-A9BA-EABC1612F5F3}" dt="2022-11-30T20:39:53.324" v="312" actId="20577"/>
          <ac:spMkLst>
            <pc:docMk/>
            <pc:sldMk cId="3399295466" sldId="324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39:25.369" v="303" actId="20577"/>
        <pc:sldMkLst>
          <pc:docMk/>
          <pc:sldMk cId="2613985370" sldId="326"/>
        </pc:sldMkLst>
        <pc:spChg chg="mod">
          <ac:chgData name="Lukasz Kutrzuba" userId="S::lukasz.kutrzuba@ericsson.com::362f5cc4-0ca4-4e9d-91a9-91fb4ffaabd5" providerId="AD" clId="Web-{0E7F74C6-0A30-4D80-A9BA-EABC1612F5F3}" dt="2022-11-30T20:39:25.369" v="303" actId="20577"/>
          <ac:spMkLst>
            <pc:docMk/>
            <pc:sldMk cId="2613985370" sldId="326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40:34.841" v="322" actId="20577"/>
        <pc:sldMkLst>
          <pc:docMk/>
          <pc:sldMk cId="2824569955" sldId="328"/>
        </pc:sldMkLst>
        <pc:spChg chg="mod">
          <ac:chgData name="Lukasz Kutrzuba" userId="S::lukasz.kutrzuba@ericsson.com::362f5cc4-0ca4-4e9d-91a9-91fb4ffaabd5" providerId="AD" clId="Web-{0E7F74C6-0A30-4D80-A9BA-EABC1612F5F3}" dt="2022-11-30T20:23:43.834" v="36" actId="14100"/>
          <ac:spMkLst>
            <pc:docMk/>
            <pc:sldMk cId="2824569955" sldId="328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0E7F74C6-0A30-4D80-A9BA-EABC1612F5F3}" dt="2022-11-30T20:40:34.841" v="322" actId="20577"/>
          <ac:spMkLst>
            <pc:docMk/>
            <pc:sldMk cId="2824569955" sldId="328"/>
            <ac:spMk id="14" creationId="{B6CA66AD-D631-4C5E-A924-BC952D4B4394}"/>
          </ac:spMkLst>
        </pc:spChg>
        <pc:picChg chg="mod">
          <ac:chgData name="Lukasz Kutrzuba" userId="S::lukasz.kutrzuba@ericsson.com::362f5cc4-0ca4-4e9d-91a9-91fb4ffaabd5" providerId="AD" clId="Web-{0E7F74C6-0A30-4D80-A9BA-EABC1612F5F3}" dt="2022-11-30T20:23:58.351" v="41" actId="14100"/>
          <ac:picMkLst>
            <pc:docMk/>
            <pc:sldMk cId="2824569955" sldId="328"/>
            <ac:picMk id="7" creationId="{DF07C60E-6D65-4F20-8EDF-2565D66F2306}"/>
          </ac:picMkLst>
        </pc:picChg>
      </pc:sldChg>
      <pc:sldChg chg="modSp">
        <pc:chgData name="Lukasz Kutrzuba" userId="S::lukasz.kutrzuba@ericsson.com::362f5cc4-0ca4-4e9d-91a9-91fb4ffaabd5" providerId="AD" clId="Web-{0E7F74C6-0A30-4D80-A9BA-EABC1612F5F3}" dt="2022-11-30T20:41:06.108" v="331" actId="20577"/>
        <pc:sldMkLst>
          <pc:docMk/>
          <pc:sldMk cId="3242329092" sldId="329"/>
        </pc:sldMkLst>
        <pc:spChg chg="mod">
          <ac:chgData name="Lukasz Kutrzuba" userId="S::lukasz.kutrzuba@ericsson.com::362f5cc4-0ca4-4e9d-91a9-91fb4ffaabd5" providerId="AD" clId="Web-{0E7F74C6-0A30-4D80-A9BA-EABC1612F5F3}" dt="2022-11-30T20:41:06.108" v="331" actId="20577"/>
          <ac:spMkLst>
            <pc:docMk/>
            <pc:sldMk cId="3242329092" sldId="329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39:40.526" v="308" actId="20577"/>
        <pc:sldMkLst>
          <pc:docMk/>
          <pc:sldMk cId="1899471179" sldId="330"/>
        </pc:sldMkLst>
        <pc:spChg chg="mod">
          <ac:chgData name="Lukasz Kutrzuba" userId="S::lukasz.kutrzuba@ericsson.com::362f5cc4-0ca4-4e9d-91a9-91fb4ffaabd5" providerId="AD" clId="Web-{0E7F74C6-0A30-4D80-A9BA-EABC1612F5F3}" dt="2022-11-30T20:39:40.526" v="308" actId="20577"/>
          <ac:spMkLst>
            <pc:docMk/>
            <pc:sldMk cId="1899471179" sldId="330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40:31.091" v="321" actId="20577"/>
        <pc:sldMkLst>
          <pc:docMk/>
          <pc:sldMk cId="3107981498" sldId="331"/>
        </pc:sldMkLst>
        <pc:spChg chg="mod">
          <ac:chgData name="Lukasz Kutrzuba" userId="S::lukasz.kutrzuba@ericsson.com::362f5cc4-0ca4-4e9d-91a9-91fb4ffaabd5" providerId="AD" clId="Web-{0E7F74C6-0A30-4D80-A9BA-EABC1612F5F3}" dt="2022-11-30T20:40:31.091" v="321" actId="20577"/>
          <ac:spMkLst>
            <pc:docMk/>
            <pc:sldMk cId="3107981498" sldId="331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30:40.787" v="170" actId="20577"/>
        <pc:sldMkLst>
          <pc:docMk/>
          <pc:sldMk cId="2346479200" sldId="335"/>
        </pc:sldMkLst>
        <pc:spChg chg="mod">
          <ac:chgData name="Lukasz Kutrzuba" userId="S::lukasz.kutrzuba@ericsson.com::362f5cc4-0ca4-4e9d-91a9-91fb4ffaabd5" providerId="AD" clId="Web-{0E7F74C6-0A30-4D80-A9BA-EABC1612F5F3}" dt="2022-11-30T20:30:33.600" v="168" actId="14100"/>
          <ac:spMkLst>
            <pc:docMk/>
            <pc:sldMk cId="2346479200" sldId="335"/>
            <ac:spMk id="8" creationId="{FC5AE6A3-37F6-429B-8CF4-37EA0D1BF7F5}"/>
          </ac:spMkLst>
        </pc:spChg>
        <pc:spChg chg="mod">
          <ac:chgData name="Lukasz Kutrzuba" userId="S::lukasz.kutrzuba@ericsson.com::362f5cc4-0ca4-4e9d-91a9-91fb4ffaabd5" providerId="AD" clId="Web-{0E7F74C6-0A30-4D80-A9BA-EABC1612F5F3}" dt="2022-11-30T20:30:37.084" v="169" actId="1076"/>
          <ac:spMkLst>
            <pc:docMk/>
            <pc:sldMk cId="2346479200" sldId="335"/>
            <ac:spMk id="9" creationId="{D3BD5D2F-C6D8-4537-A146-520F33C0A7A2}"/>
          </ac:spMkLst>
        </pc:spChg>
        <pc:spChg chg="mod">
          <ac:chgData name="Lukasz Kutrzuba" userId="S::lukasz.kutrzuba@ericsson.com::362f5cc4-0ca4-4e9d-91a9-91fb4ffaabd5" providerId="AD" clId="Web-{0E7F74C6-0A30-4D80-A9BA-EABC1612F5F3}" dt="2022-11-30T20:30:40.787" v="170" actId="20577"/>
          <ac:spMkLst>
            <pc:docMk/>
            <pc:sldMk cId="2346479200" sldId="335"/>
            <ac:spMk id="11" creationId="{89A964BF-B673-42C1-B1D8-843D9A4A8EC1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39:17.525" v="302" actId="20577"/>
        <pc:sldMkLst>
          <pc:docMk/>
          <pc:sldMk cId="3087742105" sldId="336"/>
        </pc:sldMkLst>
        <pc:spChg chg="mod">
          <ac:chgData name="Lukasz Kutrzuba" userId="S::lukasz.kutrzuba@ericsson.com::362f5cc4-0ca4-4e9d-91a9-91fb4ffaabd5" providerId="AD" clId="Web-{0E7F74C6-0A30-4D80-A9BA-EABC1612F5F3}" dt="2022-11-30T20:39:17.525" v="302" actId="20577"/>
          <ac:spMkLst>
            <pc:docMk/>
            <pc:sldMk cId="3087742105" sldId="336"/>
            <ac:spMk id="14" creationId="{B6CA66AD-D631-4C5E-A924-BC952D4B4394}"/>
          </ac:spMkLst>
        </pc:spChg>
        <pc:picChg chg="mod">
          <ac:chgData name="Lukasz Kutrzuba" userId="S::lukasz.kutrzuba@ericsson.com::362f5cc4-0ca4-4e9d-91a9-91fb4ffaabd5" providerId="AD" clId="Web-{0E7F74C6-0A30-4D80-A9BA-EABC1612F5F3}" dt="2022-11-30T20:30:57.991" v="176" actId="1076"/>
          <ac:picMkLst>
            <pc:docMk/>
            <pc:sldMk cId="3087742105" sldId="336"/>
            <ac:picMk id="11" creationId="{0E576531-C57F-40D2-B1B9-E41B583CA182}"/>
          </ac:picMkLst>
        </pc:picChg>
      </pc:sldChg>
      <pc:sldChg chg="modSp">
        <pc:chgData name="Lukasz Kutrzuba" userId="S::lukasz.kutrzuba@ericsson.com::362f5cc4-0ca4-4e9d-91a9-91fb4ffaabd5" providerId="AD" clId="Web-{0E7F74C6-0A30-4D80-A9BA-EABC1612F5F3}" dt="2022-11-30T20:37:59.007" v="287" actId="20577"/>
        <pc:sldMkLst>
          <pc:docMk/>
          <pc:sldMk cId="35131068" sldId="337"/>
        </pc:sldMkLst>
        <pc:spChg chg="mod">
          <ac:chgData name="Lukasz Kutrzuba" userId="S::lukasz.kutrzuba@ericsson.com::362f5cc4-0ca4-4e9d-91a9-91fb4ffaabd5" providerId="AD" clId="Web-{0E7F74C6-0A30-4D80-A9BA-EABC1612F5F3}" dt="2022-11-30T20:37:59.007" v="287" actId="20577"/>
          <ac:spMkLst>
            <pc:docMk/>
            <pc:sldMk cId="35131068" sldId="337"/>
            <ac:spMk id="7" creationId="{399818BE-AA50-437F-894C-7573EF853B8C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41:51.781" v="341" actId="20577"/>
        <pc:sldMkLst>
          <pc:docMk/>
          <pc:sldMk cId="1938067204" sldId="339"/>
        </pc:sldMkLst>
        <pc:spChg chg="mod">
          <ac:chgData name="Lukasz Kutrzuba" userId="S::lukasz.kutrzuba@ericsson.com::362f5cc4-0ca4-4e9d-91a9-91fb4ffaabd5" providerId="AD" clId="Web-{0E7F74C6-0A30-4D80-A9BA-EABC1612F5F3}" dt="2022-11-30T20:41:51.781" v="341" actId="20577"/>
          <ac:spMkLst>
            <pc:docMk/>
            <pc:sldMk cId="1938067204" sldId="339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40:14.465" v="318" actId="20577"/>
        <pc:sldMkLst>
          <pc:docMk/>
          <pc:sldMk cId="3782316902" sldId="340"/>
        </pc:sldMkLst>
        <pc:spChg chg="mod">
          <ac:chgData name="Lukasz Kutrzuba" userId="S::lukasz.kutrzuba@ericsson.com::362f5cc4-0ca4-4e9d-91a9-91fb4ffaabd5" providerId="AD" clId="Web-{0E7F74C6-0A30-4D80-A9BA-EABC1612F5F3}" dt="2022-11-30T20:40:04.746" v="315" actId="20577"/>
          <ac:spMkLst>
            <pc:docMk/>
            <pc:sldMk cId="3782316902" sldId="340"/>
            <ac:spMk id="24" creationId="{3A465236-6C3F-4954-9C2F-A3ECD73CC549}"/>
          </ac:spMkLst>
        </pc:spChg>
        <pc:spChg chg="mod">
          <ac:chgData name="Lukasz Kutrzuba" userId="S::lukasz.kutrzuba@ericsson.com::362f5cc4-0ca4-4e9d-91a9-91fb4ffaabd5" providerId="AD" clId="Web-{0E7F74C6-0A30-4D80-A9BA-EABC1612F5F3}" dt="2022-11-30T20:40:14.465" v="318" actId="20577"/>
          <ac:spMkLst>
            <pc:docMk/>
            <pc:sldMk cId="3782316902" sldId="340"/>
            <ac:spMk id="25" creationId="{60F15A7B-D294-4F18-BF2A-5EB9BB492A0B}"/>
          </ac:spMkLst>
        </pc:spChg>
        <pc:picChg chg="mod">
          <ac:chgData name="Lukasz Kutrzuba" userId="S::lukasz.kutrzuba@ericsson.com::362f5cc4-0ca4-4e9d-91a9-91fb4ffaabd5" providerId="AD" clId="Web-{0E7F74C6-0A30-4D80-A9BA-EABC1612F5F3}" dt="2022-11-30T20:28:14.407" v="132" actId="1076"/>
          <ac:picMkLst>
            <pc:docMk/>
            <pc:sldMk cId="3782316902" sldId="340"/>
            <ac:picMk id="4098" creationId="{E8063952-2D4F-4148-9AB2-29AEF357A4BC}"/>
          </ac:picMkLst>
        </pc:picChg>
        <pc:picChg chg="mod">
          <ac:chgData name="Lukasz Kutrzuba" userId="S::lukasz.kutrzuba@ericsson.com::362f5cc4-0ca4-4e9d-91a9-91fb4ffaabd5" providerId="AD" clId="Web-{0E7F74C6-0A30-4D80-A9BA-EABC1612F5F3}" dt="2022-11-30T20:28:10.378" v="130" actId="14100"/>
          <ac:picMkLst>
            <pc:docMk/>
            <pc:sldMk cId="3782316902" sldId="340"/>
            <ac:picMk id="4100" creationId="{3546344B-CFDF-4D08-944F-E78585528587}"/>
          </ac:picMkLst>
        </pc:picChg>
      </pc:sldChg>
      <pc:sldChg chg="modSp">
        <pc:chgData name="Lukasz Kutrzuba" userId="S::lukasz.kutrzuba@ericsson.com::362f5cc4-0ca4-4e9d-91a9-91fb4ffaabd5" providerId="AD" clId="Web-{0E7F74C6-0A30-4D80-A9BA-EABC1612F5F3}" dt="2022-11-30T20:40:26.419" v="320" actId="20577"/>
        <pc:sldMkLst>
          <pc:docMk/>
          <pc:sldMk cId="342573162" sldId="341"/>
        </pc:sldMkLst>
        <pc:spChg chg="mod">
          <ac:chgData name="Lukasz Kutrzuba" userId="S::lukasz.kutrzuba@ericsson.com::362f5cc4-0ca4-4e9d-91a9-91fb4ffaabd5" providerId="AD" clId="Web-{0E7F74C6-0A30-4D80-A9BA-EABC1612F5F3}" dt="2022-11-30T20:40:26.419" v="320" actId="20577"/>
          <ac:spMkLst>
            <pc:docMk/>
            <pc:sldMk cId="342573162" sldId="341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37:49.366" v="285" actId="1076"/>
        <pc:sldMkLst>
          <pc:docMk/>
          <pc:sldMk cId="2633863598" sldId="342"/>
        </pc:sldMkLst>
        <pc:spChg chg="mod">
          <ac:chgData name="Lukasz Kutrzuba" userId="S::lukasz.kutrzuba@ericsson.com::362f5cc4-0ca4-4e9d-91a9-91fb4ffaabd5" providerId="AD" clId="Web-{0E7F74C6-0A30-4D80-A9BA-EABC1612F5F3}" dt="2022-11-30T20:37:43.772" v="284" actId="1076"/>
          <ac:spMkLst>
            <pc:docMk/>
            <pc:sldMk cId="2633863598" sldId="342"/>
            <ac:spMk id="14" creationId="{B6CA66AD-D631-4C5E-A924-BC952D4B4394}"/>
          </ac:spMkLst>
        </pc:spChg>
        <pc:picChg chg="mod">
          <ac:chgData name="Lukasz Kutrzuba" userId="S::lukasz.kutrzuba@ericsson.com::362f5cc4-0ca4-4e9d-91a9-91fb4ffaabd5" providerId="AD" clId="Web-{0E7F74C6-0A30-4D80-A9BA-EABC1612F5F3}" dt="2022-11-30T20:37:49.366" v="285" actId="1076"/>
          <ac:picMkLst>
            <pc:docMk/>
            <pc:sldMk cId="2633863598" sldId="342"/>
            <ac:picMk id="7" creationId="{C149187E-9B1A-454C-BF10-398A7BA91122}"/>
          </ac:picMkLst>
        </pc:picChg>
      </pc:sldChg>
      <pc:sldChg chg="addSp delSp modSp mod setBg">
        <pc:chgData name="Lukasz Kutrzuba" userId="S::lukasz.kutrzuba@ericsson.com::362f5cc4-0ca4-4e9d-91a9-91fb4ffaabd5" providerId="AD" clId="Web-{0E7F74C6-0A30-4D80-A9BA-EABC1612F5F3}" dt="2022-11-30T20:35:43.486" v="223" actId="1076"/>
        <pc:sldMkLst>
          <pc:docMk/>
          <pc:sldMk cId="2678793186" sldId="345"/>
        </pc:sldMkLst>
        <pc:spChg chg="mod">
          <ac:chgData name="Lukasz Kutrzuba" userId="S::lukasz.kutrzuba@ericsson.com::362f5cc4-0ca4-4e9d-91a9-91fb4ffaabd5" providerId="AD" clId="Web-{0E7F74C6-0A30-4D80-A9BA-EABC1612F5F3}" dt="2022-11-30T20:35:40.252" v="222" actId="1076"/>
          <ac:spMkLst>
            <pc:docMk/>
            <pc:sldMk cId="2678793186" sldId="345"/>
            <ac:spMk id="14" creationId="{B6CA66AD-D631-4C5E-A924-BC952D4B4394}"/>
          </ac:spMkLst>
        </pc:spChg>
        <pc:picChg chg="add mod">
          <ac:chgData name="Lukasz Kutrzuba" userId="S::lukasz.kutrzuba@ericsson.com::362f5cc4-0ca4-4e9d-91a9-91fb4ffaabd5" providerId="AD" clId="Web-{0E7F74C6-0A30-4D80-A9BA-EABC1612F5F3}" dt="2022-11-30T20:35:43.486" v="223" actId="1076"/>
          <ac:picMkLst>
            <pc:docMk/>
            <pc:sldMk cId="2678793186" sldId="345"/>
            <ac:picMk id="2" creationId="{9F6835CF-AB1B-A708-0382-D04C518451E9}"/>
          </ac:picMkLst>
        </pc:picChg>
        <pc:picChg chg="del mod">
          <ac:chgData name="Lukasz Kutrzuba" userId="S::lukasz.kutrzuba@ericsson.com::362f5cc4-0ca4-4e9d-91a9-91fb4ffaabd5" providerId="AD" clId="Web-{0E7F74C6-0A30-4D80-A9BA-EABC1612F5F3}" dt="2022-11-30T20:34:44.234" v="207"/>
          <ac:picMkLst>
            <pc:docMk/>
            <pc:sldMk cId="2678793186" sldId="345"/>
            <ac:picMk id="8" creationId="{4E89297C-B82D-4540-ACA7-E2DFD9D18866}"/>
          </ac:picMkLst>
        </pc:picChg>
      </pc:sldChg>
      <pc:sldChg chg="modSp">
        <pc:chgData name="Lukasz Kutrzuba" userId="S::lukasz.kutrzuba@ericsson.com::362f5cc4-0ca4-4e9d-91a9-91fb4ffaabd5" providerId="AD" clId="Web-{0E7F74C6-0A30-4D80-A9BA-EABC1612F5F3}" dt="2022-11-30T20:22:57.255" v="28" actId="14100"/>
        <pc:sldMkLst>
          <pc:docMk/>
          <pc:sldMk cId="2687784262" sldId="348"/>
        </pc:sldMkLst>
        <pc:spChg chg="mod">
          <ac:chgData name="Lukasz Kutrzuba" userId="S::lukasz.kutrzuba@ericsson.com::362f5cc4-0ca4-4e9d-91a9-91fb4ffaabd5" providerId="AD" clId="Web-{0E7F74C6-0A30-4D80-A9BA-EABC1612F5F3}" dt="2022-11-30T20:22:57.255" v="28" actId="14100"/>
          <ac:spMkLst>
            <pc:docMk/>
            <pc:sldMk cId="2687784262" sldId="348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22:45.129" v="25" actId="1076"/>
        <pc:sldMkLst>
          <pc:docMk/>
          <pc:sldMk cId="1750462366" sldId="349"/>
        </pc:sldMkLst>
        <pc:spChg chg="mod">
          <ac:chgData name="Lukasz Kutrzuba" userId="S::lukasz.kutrzuba@ericsson.com::362f5cc4-0ca4-4e9d-91a9-91fb4ffaabd5" providerId="AD" clId="Web-{0E7F74C6-0A30-4D80-A9BA-EABC1612F5F3}" dt="2022-11-30T20:22:45.129" v="25" actId="1076"/>
          <ac:spMkLst>
            <pc:docMk/>
            <pc:sldMk cId="1750462366" sldId="349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0E7F74C6-0A30-4D80-A9BA-EABC1612F5F3}" dt="2022-11-30T20:38:16.617" v="290" actId="20577"/>
        <pc:sldMkLst>
          <pc:docMk/>
          <pc:sldMk cId="1759048658" sldId="357"/>
        </pc:sldMkLst>
        <pc:spChg chg="mod">
          <ac:chgData name="Lukasz Kutrzuba" userId="S::lukasz.kutrzuba@ericsson.com::362f5cc4-0ca4-4e9d-91a9-91fb4ffaabd5" providerId="AD" clId="Web-{0E7F74C6-0A30-4D80-A9BA-EABC1612F5F3}" dt="2022-11-30T20:31:43.868" v="195" actId="20577"/>
          <ac:spMkLst>
            <pc:docMk/>
            <pc:sldMk cId="1759048658" sldId="357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0E7F74C6-0A30-4D80-A9BA-EABC1612F5F3}" dt="2022-11-30T20:38:16.617" v="290" actId="20577"/>
          <ac:spMkLst>
            <pc:docMk/>
            <pc:sldMk cId="1759048658" sldId="357"/>
            <ac:spMk id="14" creationId="{B6CA66AD-D631-4C5E-A924-BC952D4B4394}"/>
          </ac:spMkLst>
        </pc:spChg>
        <pc:picChg chg="mod">
          <ac:chgData name="Lukasz Kutrzuba" userId="S::lukasz.kutrzuba@ericsson.com::362f5cc4-0ca4-4e9d-91a9-91fb4ffaabd5" providerId="AD" clId="Web-{0E7F74C6-0A30-4D80-A9BA-EABC1612F5F3}" dt="2022-11-30T20:31:41.493" v="194" actId="1076"/>
          <ac:picMkLst>
            <pc:docMk/>
            <pc:sldMk cId="1759048658" sldId="357"/>
            <ac:picMk id="11" creationId="{0E576531-C57F-40D2-B1B9-E41B583CA182}"/>
          </ac:picMkLst>
        </pc:picChg>
      </pc:sldChg>
      <pc:sldChg chg="modSp">
        <pc:chgData name="Lukasz Kutrzuba" userId="S::lukasz.kutrzuba@ericsson.com::362f5cc4-0ca4-4e9d-91a9-91fb4ffaabd5" providerId="AD" clId="Web-{0E7F74C6-0A30-4D80-A9BA-EABC1612F5F3}" dt="2022-11-30T20:23:13.708" v="29" actId="14100"/>
        <pc:sldMkLst>
          <pc:docMk/>
          <pc:sldMk cId="2510979623" sldId="361"/>
        </pc:sldMkLst>
        <pc:spChg chg="mod">
          <ac:chgData name="Lukasz Kutrzuba" userId="S::lukasz.kutrzuba@ericsson.com::362f5cc4-0ca4-4e9d-91a9-91fb4ffaabd5" providerId="AD" clId="Web-{0E7F74C6-0A30-4D80-A9BA-EABC1612F5F3}" dt="2022-11-30T20:23:13.708" v="29" actId="14100"/>
          <ac:spMkLst>
            <pc:docMk/>
            <pc:sldMk cId="2510979623" sldId="361"/>
            <ac:spMk id="3" creationId="{BB727609-09F4-CEED-EDDC-537B7B9F8AC6}"/>
          </ac:spMkLst>
        </pc:spChg>
      </pc:sldChg>
    </pc:docChg>
  </pc:docChgLst>
  <pc:docChgLst>
    <pc:chgData name="Lukasz Kutrzuba" userId="S::lukasz.kutrzuba@ericsson.com::362f5cc4-0ca4-4e9d-91a9-91fb4ffaabd5" providerId="AD" clId="Web-{A322799E-925D-46A7-BFEA-DCE81CDA9363}"/>
    <pc:docChg chg="addSld delSld modSld">
      <pc:chgData name="Lukasz Kutrzuba" userId="S::lukasz.kutrzuba@ericsson.com::362f5cc4-0ca4-4e9d-91a9-91fb4ffaabd5" providerId="AD" clId="Web-{A322799E-925D-46A7-BFEA-DCE81CDA9363}" dt="2022-11-24T14:57:21.290" v="33"/>
      <pc:docMkLst>
        <pc:docMk/>
      </pc:docMkLst>
      <pc:sldChg chg="modSp">
        <pc:chgData name="Lukasz Kutrzuba" userId="S::lukasz.kutrzuba@ericsson.com::362f5cc4-0ca4-4e9d-91a9-91fb4ffaabd5" providerId="AD" clId="Web-{A322799E-925D-46A7-BFEA-DCE81CDA9363}" dt="2022-11-24T14:56:14.570" v="7" actId="1076"/>
        <pc:sldMkLst>
          <pc:docMk/>
          <pc:sldMk cId="2530289182" sldId="297"/>
        </pc:sldMkLst>
        <pc:spChg chg="mod">
          <ac:chgData name="Lukasz Kutrzuba" userId="S::lukasz.kutrzuba@ericsson.com::362f5cc4-0ca4-4e9d-91a9-91fb4ffaabd5" providerId="AD" clId="Web-{A322799E-925D-46A7-BFEA-DCE81CDA9363}" dt="2022-11-24T14:56:14.570" v="7" actId="1076"/>
          <ac:spMkLst>
            <pc:docMk/>
            <pc:sldMk cId="2530289182" sldId="297"/>
            <ac:spMk id="14" creationId="{B6CA66AD-D631-4C5E-A924-BC952D4B4394}"/>
          </ac:spMkLst>
        </pc:spChg>
      </pc:sldChg>
      <pc:sldChg chg="del">
        <pc:chgData name="Lukasz Kutrzuba" userId="S::lukasz.kutrzuba@ericsson.com::362f5cc4-0ca4-4e9d-91a9-91fb4ffaabd5" providerId="AD" clId="Web-{A322799E-925D-46A7-BFEA-DCE81CDA9363}" dt="2022-11-24T14:57:09.415" v="30"/>
        <pc:sldMkLst>
          <pc:docMk/>
          <pc:sldMk cId="1154648506" sldId="305"/>
        </pc:sldMkLst>
      </pc:sldChg>
      <pc:sldChg chg="del">
        <pc:chgData name="Lukasz Kutrzuba" userId="S::lukasz.kutrzuba@ericsson.com::362f5cc4-0ca4-4e9d-91a9-91fb4ffaabd5" providerId="AD" clId="Web-{A322799E-925D-46A7-BFEA-DCE81CDA9363}" dt="2022-11-24T14:57:09.415" v="29"/>
        <pc:sldMkLst>
          <pc:docMk/>
          <pc:sldMk cId="565498371" sldId="319"/>
        </pc:sldMkLst>
      </pc:sldChg>
      <pc:sldChg chg="modSp del">
        <pc:chgData name="Lukasz Kutrzuba" userId="S::lukasz.kutrzuba@ericsson.com::362f5cc4-0ca4-4e9d-91a9-91fb4ffaabd5" providerId="AD" clId="Web-{A322799E-925D-46A7-BFEA-DCE81CDA9363}" dt="2022-11-24T14:57:09.415" v="28"/>
        <pc:sldMkLst>
          <pc:docMk/>
          <pc:sldMk cId="472102632" sldId="320"/>
        </pc:sldMkLst>
        <pc:spChg chg="mod">
          <ac:chgData name="Lukasz Kutrzuba" userId="S::lukasz.kutrzuba@ericsson.com::362f5cc4-0ca4-4e9d-91a9-91fb4ffaabd5" providerId="AD" clId="Web-{A322799E-925D-46A7-BFEA-DCE81CDA9363}" dt="2022-11-24T14:56:56.961" v="27" actId="20577"/>
          <ac:spMkLst>
            <pc:docMk/>
            <pc:sldMk cId="472102632" sldId="320"/>
            <ac:spMk id="12" creationId="{4FFB8876-A80B-45BF-B457-69F329D40EAB}"/>
          </ac:spMkLst>
        </pc:spChg>
      </pc:sldChg>
      <pc:sldChg chg="add">
        <pc:chgData name="Lukasz Kutrzuba" userId="S::lukasz.kutrzuba@ericsson.com::362f5cc4-0ca4-4e9d-91a9-91fb4ffaabd5" providerId="AD" clId="Web-{A322799E-925D-46A7-BFEA-DCE81CDA9363}" dt="2022-11-24T14:57:21.165" v="31"/>
        <pc:sldMkLst>
          <pc:docMk/>
          <pc:sldMk cId="2687784262" sldId="348"/>
        </pc:sldMkLst>
      </pc:sldChg>
      <pc:sldChg chg="add">
        <pc:chgData name="Lukasz Kutrzuba" userId="S::lukasz.kutrzuba@ericsson.com::362f5cc4-0ca4-4e9d-91a9-91fb4ffaabd5" providerId="AD" clId="Web-{A322799E-925D-46A7-BFEA-DCE81CDA9363}" dt="2022-11-24T14:57:21.259" v="32"/>
        <pc:sldMkLst>
          <pc:docMk/>
          <pc:sldMk cId="1750462366" sldId="349"/>
        </pc:sldMkLst>
      </pc:sldChg>
      <pc:sldChg chg="add">
        <pc:chgData name="Lukasz Kutrzuba" userId="S::lukasz.kutrzuba@ericsson.com::362f5cc4-0ca4-4e9d-91a9-91fb4ffaabd5" providerId="AD" clId="Web-{A322799E-925D-46A7-BFEA-DCE81CDA9363}" dt="2022-11-24T14:57:21.290" v="33"/>
        <pc:sldMkLst>
          <pc:docMk/>
          <pc:sldMk cId="2688583000" sldId="350"/>
        </pc:sldMkLst>
      </pc:sldChg>
    </pc:docChg>
  </pc:docChgLst>
  <pc:docChgLst>
    <pc:chgData name="Lukasz Kutrzuba" userId="S::lukasz.kutrzuba@ericsson.com::362f5cc4-0ca4-4e9d-91a9-91fb4ffaabd5" providerId="AD" clId="Web-{1D3AF6C8-B2DD-4A0F-9FA3-122A7F223A9F}"/>
    <pc:docChg chg="modSld">
      <pc:chgData name="Lukasz Kutrzuba" userId="S::lukasz.kutrzuba@ericsson.com::362f5cc4-0ca4-4e9d-91a9-91fb4ffaabd5" providerId="AD" clId="Web-{1D3AF6C8-B2DD-4A0F-9FA3-122A7F223A9F}" dt="2022-11-30T13:21:55.804" v="4" actId="1076"/>
      <pc:docMkLst>
        <pc:docMk/>
      </pc:docMkLst>
      <pc:sldChg chg="addSp delSp modSp">
        <pc:chgData name="Lukasz Kutrzuba" userId="S::lukasz.kutrzuba@ericsson.com::362f5cc4-0ca4-4e9d-91a9-91fb4ffaabd5" providerId="AD" clId="Web-{1D3AF6C8-B2DD-4A0F-9FA3-122A7F223A9F}" dt="2022-11-30T13:21:55.804" v="4" actId="1076"/>
        <pc:sldMkLst>
          <pc:docMk/>
          <pc:sldMk cId="2111310686" sldId="311"/>
        </pc:sldMkLst>
        <pc:picChg chg="del">
          <ac:chgData name="Lukasz Kutrzuba" userId="S::lukasz.kutrzuba@ericsson.com::362f5cc4-0ca4-4e9d-91a9-91fb4ffaabd5" providerId="AD" clId="Web-{1D3AF6C8-B2DD-4A0F-9FA3-122A7F223A9F}" dt="2022-11-30T13:21:47.445" v="0"/>
          <ac:picMkLst>
            <pc:docMk/>
            <pc:sldMk cId="2111310686" sldId="311"/>
            <ac:picMk id="2" creationId="{1F0E4587-0356-E5B2-D6B2-D20F0D03C415}"/>
          </ac:picMkLst>
        </pc:picChg>
        <pc:picChg chg="add mod">
          <ac:chgData name="Lukasz Kutrzuba" userId="S::lukasz.kutrzuba@ericsson.com::362f5cc4-0ca4-4e9d-91a9-91fb4ffaabd5" providerId="AD" clId="Web-{1D3AF6C8-B2DD-4A0F-9FA3-122A7F223A9F}" dt="2022-11-30T13:21:55.804" v="4" actId="1076"/>
          <ac:picMkLst>
            <pc:docMk/>
            <pc:sldMk cId="2111310686" sldId="311"/>
            <ac:picMk id="3" creationId="{EF8B7F88-478C-C414-2CD5-ABBCCACB988B}"/>
          </ac:picMkLst>
        </pc:picChg>
      </pc:sldChg>
    </pc:docChg>
  </pc:docChgLst>
  <pc:docChgLst>
    <pc:chgData name="Lukasz Kutrzuba" userId="S::lukasz.kutrzuba@ericsson.com::362f5cc4-0ca4-4e9d-91a9-91fb4ffaabd5" providerId="AD" clId="Web-{E9330041-98D0-4F1F-8C4C-8FC42E0CFFAC}"/>
    <pc:docChg chg="modSld">
      <pc:chgData name="Lukasz Kutrzuba" userId="S::lukasz.kutrzuba@ericsson.com::362f5cc4-0ca4-4e9d-91a9-91fb4ffaabd5" providerId="AD" clId="Web-{E9330041-98D0-4F1F-8C4C-8FC42E0CFFAC}" dt="2022-12-02T12:19:07.937" v="55" actId="1076"/>
      <pc:docMkLst>
        <pc:docMk/>
      </pc:docMkLst>
      <pc:sldChg chg="addSp delSp">
        <pc:chgData name="Lukasz Kutrzuba" userId="S::lukasz.kutrzuba@ericsson.com::362f5cc4-0ca4-4e9d-91a9-91fb4ffaabd5" providerId="AD" clId="Web-{E9330041-98D0-4F1F-8C4C-8FC42E0CFFAC}" dt="2022-12-02T12:16:41.180" v="47"/>
        <pc:sldMkLst>
          <pc:docMk/>
          <pc:sldMk cId="2593047599" sldId="263"/>
        </pc:sldMkLst>
        <pc:spChg chg="add">
          <ac:chgData name="Lukasz Kutrzuba" userId="S::lukasz.kutrzuba@ericsson.com::362f5cc4-0ca4-4e9d-91a9-91fb4ffaabd5" providerId="AD" clId="Web-{E9330041-98D0-4F1F-8C4C-8FC42E0CFFAC}" dt="2022-12-02T12:16:39.102" v="46"/>
          <ac:spMkLst>
            <pc:docMk/>
            <pc:sldMk cId="2593047599" sldId="263"/>
            <ac:spMk id="5" creationId="{9D1BBC0A-E523-3F65-20C7-220EAF7AE4A8}"/>
          </ac:spMkLst>
        </pc:spChg>
        <pc:spChg chg="del">
          <ac:chgData name="Lukasz Kutrzuba" userId="S::lukasz.kutrzuba@ericsson.com::362f5cc4-0ca4-4e9d-91a9-91fb4ffaabd5" providerId="AD" clId="Web-{E9330041-98D0-4F1F-8C4C-8FC42E0CFFAC}" dt="2022-12-02T12:16:41.180" v="47"/>
          <ac:spMkLst>
            <pc:docMk/>
            <pc:sldMk cId="2593047599" sldId="263"/>
            <ac:spMk id="6" creationId="{5E9B4F6C-D300-46FF-9E71-189A7388D433}"/>
          </ac:spMkLst>
        </pc:spChg>
      </pc:sldChg>
      <pc:sldChg chg="addSp delSp">
        <pc:chgData name="Lukasz Kutrzuba" userId="S::lukasz.kutrzuba@ericsson.com::362f5cc4-0ca4-4e9d-91a9-91fb4ffaabd5" providerId="AD" clId="Web-{E9330041-98D0-4F1F-8C4C-8FC42E0CFFAC}" dt="2022-12-02T12:16:45.305" v="49"/>
        <pc:sldMkLst>
          <pc:docMk/>
          <pc:sldMk cId="2545479707" sldId="280"/>
        </pc:sldMkLst>
        <pc:spChg chg="add">
          <ac:chgData name="Lukasz Kutrzuba" userId="S::lukasz.kutrzuba@ericsson.com::362f5cc4-0ca4-4e9d-91a9-91fb4ffaabd5" providerId="AD" clId="Web-{E9330041-98D0-4F1F-8C4C-8FC42E0CFFAC}" dt="2022-12-02T12:16:43.539" v="48"/>
          <ac:spMkLst>
            <pc:docMk/>
            <pc:sldMk cId="2545479707" sldId="280"/>
            <ac:spMk id="5" creationId="{D0E716A3-EEFC-3D7F-0F44-BE25EE3FEDD0}"/>
          </ac:spMkLst>
        </pc:spChg>
        <pc:spChg chg="del">
          <ac:chgData name="Lukasz Kutrzuba" userId="S::lukasz.kutrzuba@ericsson.com::362f5cc4-0ca4-4e9d-91a9-91fb4ffaabd5" providerId="AD" clId="Web-{E9330041-98D0-4F1F-8C4C-8FC42E0CFFAC}" dt="2022-12-02T12:16:45.305" v="49"/>
          <ac:spMkLst>
            <pc:docMk/>
            <pc:sldMk cId="2545479707" sldId="280"/>
            <ac:spMk id="10" creationId="{C08CB7CD-0F87-4700-ACD2-F930A1816C12}"/>
          </ac:spMkLst>
        </pc:spChg>
      </pc:sldChg>
      <pc:sldChg chg="addSp delSp">
        <pc:chgData name="Lukasz Kutrzuba" userId="S::lukasz.kutrzuba@ericsson.com::362f5cc4-0ca4-4e9d-91a9-91fb4ffaabd5" providerId="AD" clId="Web-{E9330041-98D0-4F1F-8C4C-8FC42E0CFFAC}" dt="2022-12-02T12:13:01.904" v="5"/>
        <pc:sldMkLst>
          <pc:docMk/>
          <pc:sldMk cId="1800252558" sldId="298"/>
        </pc:sldMkLst>
        <pc:spChg chg="add">
          <ac:chgData name="Lukasz Kutrzuba" userId="S::lukasz.kutrzuba@ericsson.com::362f5cc4-0ca4-4e9d-91a9-91fb4ffaabd5" providerId="AD" clId="Web-{E9330041-98D0-4F1F-8C4C-8FC42E0CFFAC}" dt="2022-12-02T12:13:01.904" v="5"/>
          <ac:spMkLst>
            <pc:docMk/>
            <pc:sldMk cId="1800252558" sldId="298"/>
            <ac:spMk id="4" creationId="{EE1F7603-177B-5656-1602-981A7385F1F1}"/>
          </ac:spMkLst>
        </pc:spChg>
        <pc:spChg chg="del">
          <ac:chgData name="Lukasz Kutrzuba" userId="S::lukasz.kutrzuba@ericsson.com::362f5cc4-0ca4-4e9d-91a9-91fb4ffaabd5" providerId="AD" clId="Web-{E9330041-98D0-4F1F-8C4C-8FC42E0CFFAC}" dt="2022-12-02T12:13:01.529" v="4"/>
          <ac:spMkLst>
            <pc:docMk/>
            <pc:sldMk cId="1800252558" sldId="298"/>
            <ac:spMk id="6" creationId="{D3397C4A-3AD9-46A2-B5F1-2347E188E91A}"/>
          </ac:spMkLst>
        </pc:spChg>
      </pc:sldChg>
      <pc:sldChg chg="addSp delSp">
        <pc:chgData name="Lukasz Kutrzuba" userId="S::lukasz.kutrzuba@ericsson.com::362f5cc4-0ca4-4e9d-91a9-91fb4ffaabd5" providerId="AD" clId="Web-{E9330041-98D0-4F1F-8C4C-8FC42E0CFFAC}" dt="2022-12-02T12:12:59.763" v="3"/>
        <pc:sldMkLst>
          <pc:docMk/>
          <pc:sldMk cId="3671953097" sldId="299"/>
        </pc:sldMkLst>
        <pc:spChg chg="add">
          <ac:chgData name="Lukasz Kutrzuba" userId="S::lukasz.kutrzuba@ericsson.com::362f5cc4-0ca4-4e9d-91a9-91fb4ffaabd5" providerId="AD" clId="Web-{E9330041-98D0-4F1F-8C4C-8FC42E0CFFAC}" dt="2022-12-02T12:12:59.763" v="3"/>
          <ac:spMkLst>
            <pc:docMk/>
            <pc:sldMk cId="3671953097" sldId="299"/>
            <ac:spMk id="4" creationId="{53B81805-C5BC-5700-5849-AE31C7251D24}"/>
          </ac:spMkLst>
        </pc:spChg>
        <pc:spChg chg="del">
          <ac:chgData name="Lukasz Kutrzuba" userId="S::lukasz.kutrzuba@ericsson.com::362f5cc4-0ca4-4e9d-91a9-91fb4ffaabd5" providerId="AD" clId="Web-{E9330041-98D0-4F1F-8C4C-8FC42E0CFFAC}" dt="2022-12-02T12:12:59.576" v="2"/>
          <ac:spMkLst>
            <pc:docMk/>
            <pc:sldMk cId="3671953097" sldId="299"/>
            <ac:spMk id="16" creationId="{1E494E1E-50B9-4833-8C33-10875827424E}"/>
          </ac:spMkLst>
        </pc:spChg>
      </pc:sldChg>
      <pc:sldChg chg="delSp modSp">
        <pc:chgData name="Lukasz Kutrzuba" userId="S::lukasz.kutrzuba@ericsson.com::362f5cc4-0ca4-4e9d-91a9-91fb4ffaabd5" providerId="AD" clId="Web-{E9330041-98D0-4F1F-8C4C-8FC42E0CFFAC}" dt="2022-12-02T12:12:53.607" v="1" actId="1076"/>
        <pc:sldMkLst>
          <pc:docMk/>
          <pc:sldMk cId="167090222" sldId="300"/>
        </pc:sldMkLst>
        <pc:spChg chg="mod">
          <ac:chgData name="Lukasz Kutrzuba" userId="S::lukasz.kutrzuba@ericsson.com::362f5cc4-0ca4-4e9d-91a9-91fb4ffaabd5" providerId="AD" clId="Web-{E9330041-98D0-4F1F-8C4C-8FC42E0CFFAC}" dt="2022-12-02T12:12:53.607" v="1" actId="1076"/>
          <ac:spMkLst>
            <pc:docMk/>
            <pc:sldMk cId="167090222" sldId="300"/>
            <ac:spMk id="3" creationId="{243A7F5D-3581-0B36-BC1C-32CFACCCCA23}"/>
          </ac:spMkLst>
        </pc:spChg>
        <pc:spChg chg="del">
          <ac:chgData name="Lukasz Kutrzuba" userId="S::lukasz.kutrzuba@ericsson.com::362f5cc4-0ca4-4e9d-91a9-91fb4ffaabd5" providerId="AD" clId="Web-{E9330041-98D0-4F1F-8C4C-8FC42E0CFFAC}" dt="2022-12-02T12:12:49.263" v="0"/>
          <ac:spMkLst>
            <pc:docMk/>
            <pc:sldMk cId="167090222" sldId="300"/>
            <ac:spMk id="8" creationId="{24AB0A68-B426-4C08-BD61-1A05529BC52E}"/>
          </ac:spMkLst>
        </pc:spChg>
      </pc:sldChg>
      <pc:sldChg chg="modSp">
        <pc:chgData name="Lukasz Kutrzuba" userId="S::lukasz.kutrzuba@ericsson.com::362f5cc4-0ca4-4e9d-91a9-91fb4ffaabd5" providerId="AD" clId="Web-{E9330041-98D0-4F1F-8C4C-8FC42E0CFFAC}" dt="2022-12-02T12:17:48.152" v="52" actId="1076"/>
        <pc:sldMkLst>
          <pc:docMk/>
          <pc:sldMk cId="785523801" sldId="303"/>
        </pc:sldMkLst>
        <pc:spChg chg="mod">
          <ac:chgData name="Lukasz Kutrzuba" userId="S::lukasz.kutrzuba@ericsson.com::362f5cc4-0ca4-4e9d-91a9-91fb4ffaabd5" providerId="AD" clId="Web-{E9330041-98D0-4F1F-8C4C-8FC42E0CFFAC}" dt="2022-12-02T12:17:48.152" v="52" actId="1076"/>
          <ac:spMkLst>
            <pc:docMk/>
            <pc:sldMk cId="785523801" sldId="303"/>
            <ac:spMk id="4" creationId="{2F475B81-24BA-8082-2AA1-78EEEC171462}"/>
          </ac:spMkLst>
        </pc:spChg>
      </pc:sldChg>
      <pc:sldChg chg="addSp">
        <pc:chgData name="Lukasz Kutrzuba" userId="S::lukasz.kutrzuba@ericsson.com::362f5cc4-0ca4-4e9d-91a9-91fb4ffaabd5" providerId="AD" clId="Web-{E9330041-98D0-4F1F-8C4C-8FC42E0CFFAC}" dt="2022-12-02T12:15:06.410" v="24"/>
        <pc:sldMkLst>
          <pc:docMk/>
          <pc:sldMk cId="2687048347" sldId="304"/>
        </pc:sldMkLst>
        <pc:spChg chg="add">
          <ac:chgData name="Lukasz Kutrzuba" userId="S::lukasz.kutrzuba@ericsson.com::362f5cc4-0ca4-4e9d-91a9-91fb4ffaabd5" providerId="AD" clId="Web-{E9330041-98D0-4F1F-8C4C-8FC42E0CFFAC}" dt="2022-12-02T12:15:06.410" v="24"/>
          <ac:spMkLst>
            <pc:docMk/>
            <pc:sldMk cId="2687048347" sldId="304"/>
            <ac:spMk id="4" creationId="{CC8A016E-20AC-5828-10DE-C8CDC475B88B}"/>
          </ac:spMkLst>
        </pc:spChg>
      </pc:sldChg>
      <pc:sldChg chg="modSp">
        <pc:chgData name="Lukasz Kutrzuba" userId="S::lukasz.kutrzuba@ericsson.com::362f5cc4-0ca4-4e9d-91a9-91fb4ffaabd5" providerId="AD" clId="Web-{E9330041-98D0-4F1F-8C4C-8FC42E0CFFAC}" dt="2022-12-02T12:13:27.827" v="6" actId="20577"/>
        <pc:sldMkLst>
          <pc:docMk/>
          <pc:sldMk cId="982755593" sldId="309"/>
        </pc:sldMkLst>
        <pc:spChg chg="mod">
          <ac:chgData name="Lukasz Kutrzuba" userId="S::lukasz.kutrzuba@ericsson.com::362f5cc4-0ca4-4e9d-91a9-91fb4ffaabd5" providerId="AD" clId="Web-{E9330041-98D0-4F1F-8C4C-8FC42E0CFFAC}" dt="2022-12-02T12:13:27.827" v="6" actId="20577"/>
          <ac:spMkLst>
            <pc:docMk/>
            <pc:sldMk cId="982755593" sldId="309"/>
            <ac:spMk id="15" creationId="{A51F9BE7-3B79-43F3-84C8-FBBB7FCA311C}"/>
          </ac:spMkLst>
        </pc:spChg>
      </pc:sldChg>
      <pc:sldChg chg="addSp delSp modSp">
        <pc:chgData name="Lukasz Kutrzuba" userId="S::lukasz.kutrzuba@ericsson.com::362f5cc4-0ca4-4e9d-91a9-91fb4ffaabd5" providerId="AD" clId="Web-{E9330041-98D0-4F1F-8C4C-8FC42E0CFFAC}" dt="2022-12-02T12:15:29.661" v="32" actId="1076"/>
        <pc:sldMkLst>
          <pc:docMk/>
          <pc:sldMk cId="2111310686" sldId="311"/>
        </pc:sldMkLst>
        <pc:spChg chg="add del mod">
          <ac:chgData name="Lukasz Kutrzuba" userId="S::lukasz.kutrzuba@ericsson.com::362f5cc4-0ca4-4e9d-91a9-91fb4ffaabd5" providerId="AD" clId="Web-{E9330041-98D0-4F1F-8C4C-8FC42E0CFFAC}" dt="2022-12-02T12:15:16.676" v="29"/>
          <ac:spMkLst>
            <pc:docMk/>
            <pc:sldMk cId="2111310686" sldId="311"/>
            <ac:spMk id="4" creationId="{EE219D06-3639-91F6-2721-22151D052B06}"/>
          </ac:spMkLst>
        </pc:spChg>
        <pc:spChg chg="add mod">
          <ac:chgData name="Lukasz Kutrzuba" userId="S::lukasz.kutrzuba@ericsson.com::362f5cc4-0ca4-4e9d-91a9-91fb4ffaabd5" providerId="AD" clId="Web-{E9330041-98D0-4F1F-8C4C-8FC42E0CFFAC}" dt="2022-12-02T12:15:27.051" v="31" actId="1076"/>
          <ac:spMkLst>
            <pc:docMk/>
            <pc:sldMk cId="2111310686" sldId="311"/>
            <ac:spMk id="7" creationId="{C8594750-F72A-E41A-AF77-6F25AE8C67D2}"/>
          </ac:spMkLst>
        </pc:spChg>
        <pc:picChg chg="mod">
          <ac:chgData name="Lukasz Kutrzuba" userId="S::lukasz.kutrzuba@ericsson.com::362f5cc4-0ca4-4e9d-91a9-91fb4ffaabd5" providerId="AD" clId="Web-{E9330041-98D0-4F1F-8C4C-8FC42E0CFFAC}" dt="2022-12-02T12:15:29.661" v="32" actId="1076"/>
          <ac:picMkLst>
            <pc:docMk/>
            <pc:sldMk cId="2111310686" sldId="311"/>
            <ac:picMk id="3" creationId="{EF8B7F88-478C-C414-2CD5-ABBCCACB988B}"/>
          </ac:picMkLst>
        </pc:picChg>
      </pc:sldChg>
      <pc:sldChg chg="addSp modSp">
        <pc:chgData name="Lukasz Kutrzuba" userId="S::lukasz.kutrzuba@ericsson.com::362f5cc4-0ca4-4e9d-91a9-91fb4ffaabd5" providerId="AD" clId="Web-{E9330041-98D0-4F1F-8C4C-8FC42E0CFFAC}" dt="2022-12-02T12:15:53.834" v="36" actId="14100"/>
        <pc:sldMkLst>
          <pc:docMk/>
          <pc:sldMk cId="1785458395" sldId="312"/>
        </pc:sldMkLst>
        <pc:spChg chg="add mod">
          <ac:chgData name="Lukasz Kutrzuba" userId="S::lukasz.kutrzuba@ericsson.com::362f5cc4-0ca4-4e9d-91a9-91fb4ffaabd5" providerId="AD" clId="Web-{E9330041-98D0-4F1F-8C4C-8FC42E0CFFAC}" dt="2022-12-02T12:15:53.834" v="36" actId="14100"/>
          <ac:spMkLst>
            <pc:docMk/>
            <pc:sldMk cId="1785458395" sldId="312"/>
            <ac:spMk id="5" creationId="{F3E28A5A-D94F-5B20-0EBA-B0A95468ECA3}"/>
          </ac:spMkLst>
        </pc:spChg>
        <pc:picChg chg="mod">
          <ac:chgData name="Lukasz Kutrzuba" userId="S::lukasz.kutrzuba@ericsson.com::362f5cc4-0ca4-4e9d-91a9-91fb4ffaabd5" providerId="AD" clId="Web-{E9330041-98D0-4F1F-8C4C-8FC42E0CFFAC}" dt="2022-12-02T12:15:48.052" v="34" actId="1076"/>
          <ac:picMkLst>
            <pc:docMk/>
            <pc:sldMk cId="1785458395" sldId="312"/>
            <ac:picMk id="3" creationId="{D37E0A8B-4063-0FD2-3AB0-FCC51727A572}"/>
          </ac:picMkLst>
        </pc:picChg>
      </pc:sldChg>
      <pc:sldChg chg="addSp">
        <pc:chgData name="Lukasz Kutrzuba" userId="S::lukasz.kutrzuba@ericsson.com::362f5cc4-0ca4-4e9d-91a9-91fb4ffaabd5" providerId="AD" clId="Web-{E9330041-98D0-4F1F-8C4C-8FC42E0CFFAC}" dt="2022-12-02T12:15:58.631" v="37"/>
        <pc:sldMkLst>
          <pc:docMk/>
          <pc:sldMk cId="874184806" sldId="313"/>
        </pc:sldMkLst>
        <pc:spChg chg="add">
          <ac:chgData name="Lukasz Kutrzuba" userId="S::lukasz.kutrzuba@ericsson.com::362f5cc4-0ca4-4e9d-91a9-91fb4ffaabd5" providerId="AD" clId="Web-{E9330041-98D0-4F1F-8C4C-8FC42E0CFFAC}" dt="2022-12-02T12:15:58.631" v="37"/>
          <ac:spMkLst>
            <pc:docMk/>
            <pc:sldMk cId="874184806" sldId="313"/>
            <ac:spMk id="5" creationId="{6A139438-7E04-92CD-D689-07B54DBB5501}"/>
          </ac:spMkLst>
        </pc:spChg>
      </pc:sldChg>
      <pc:sldChg chg="addSp">
        <pc:chgData name="Lukasz Kutrzuba" userId="S::lukasz.kutrzuba@ericsson.com::362f5cc4-0ca4-4e9d-91a9-91fb4ffaabd5" providerId="AD" clId="Web-{E9330041-98D0-4F1F-8C4C-8FC42E0CFFAC}" dt="2022-12-02T12:16:07.022" v="42"/>
        <pc:sldMkLst>
          <pc:docMk/>
          <pc:sldMk cId="3916555100" sldId="314"/>
        </pc:sldMkLst>
        <pc:spChg chg="add">
          <ac:chgData name="Lukasz Kutrzuba" userId="S::lukasz.kutrzuba@ericsson.com::362f5cc4-0ca4-4e9d-91a9-91fb4ffaabd5" providerId="AD" clId="Web-{E9330041-98D0-4F1F-8C4C-8FC42E0CFFAC}" dt="2022-12-02T12:16:07.022" v="42"/>
          <ac:spMkLst>
            <pc:docMk/>
            <pc:sldMk cId="3916555100" sldId="314"/>
            <ac:spMk id="5" creationId="{17AD8FCA-C56E-6C4E-004C-2892E35C481F}"/>
          </ac:spMkLst>
        </pc:spChg>
      </pc:sldChg>
      <pc:sldChg chg="addSp">
        <pc:chgData name="Lukasz Kutrzuba" userId="S::lukasz.kutrzuba@ericsson.com::362f5cc4-0ca4-4e9d-91a9-91fb4ffaabd5" providerId="AD" clId="Web-{E9330041-98D0-4F1F-8C4C-8FC42E0CFFAC}" dt="2022-12-02T12:16:08.819" v="43"/>
        <pc:sldMkLst>
          <pc:docMk/>
          <pc:sldMk cId="864716323" sldId="315"/>
        </pc:sldMkLst>
        <pc:spChg chg="add">
          <ac:chgData name="Lukasz Kutrzuba" userId="S::lukasz.kutrzuba@ericsson.com::362f5cc4-0ca4-4e9d-91a9-91fb4ffaabd5" providerId="AD" clId="Web-{E9330041-98D0-4F1F-8C4C-8FC42E0CFFAC}" dt="2022-12-02T12:16:08.819" v="43"/>
          <ac:spMkLst>
            <pc:docMk/>
            <pc:sldMk cId="864716323" sldId="315"/>
            <ac:spMk id="5" creationId="{8DC56D3F-89A0-84E4-670C-859FE6DF9B95}"/>
          </ac:spMkLst>
        </pc:spChg>
      </pc:sldChg>
      <pc:sldChg chg="addSp">
        <pc:chgData name="Lukasz Kutrzuba" userId="S::lukasz.kutrzuba@ericsson.com::362f5cc4-0ca4-4e9d-91a9-91fb4ffaabd5" providerId="AD" clId="Web-{E9330041-98D0-4F1F-8C4C-8FC42E0CFFAC}" dt="2022-12-02T12:16:05.413" v="41"/>
        <pc:sldMkLst>
          <pc:docMk/>
          <pc:sldMk cId="71151763" sldId="316"/>
        </pc:sldMkLst>
        <pc:spChg chg="add">
          <ac:chgData name="Lukasz Kutrzuba" userId="S::lukasz.kutrzuba@ericsson.com::362f5cc4-0ca4-4e9d-91a9-91fb4ffaabd5" providerId="AD" clId="Web-{E9330041-98D0-4F1F-8C4C-8FC42E0CFFAC}" dt="2022-12-02T12:16:05.413" v="41"/>
          <ac:spMkLst>
            <pc:docMk/>
            <pc:sldMk cId="71151763" sldId="316"/>
            <ac:spMk id="6" creationId="{91CAD5B1-46F7-06BD-2ED2-A8078F95D2C9}"/>
          </ac:spMkLst>
        </pc:spChg>
      </pc:sldChg>
      <pc:sldChg chg="addSp">
        <pc:chgData name="Lukasz Kutrzuba" userId="S::lukasz.kutrzuba@ericsson.com::362f5cc4-0ca4-4e9d-91a9-91fb4ffaabd5" providerId="AD" clId="Web-{E9330041-98D0-4F1F-8C4C-8FC42E0CFFAC}" dt="2022-12-02T12:16:02.663" v="39"/>
        <pc:sldMkLst>
          <pc:docMk/>
          <pc:sldMk cId="3584275556" sldId="317"/>
        </pc:sldMkLst>
        <pc:spChg chg="add">
          <ac:chgData name="Lukasz Kutrzuba" userId="S::lukasz.kutrzuba@ericsson.com::362f5cc4-0ca4-4e9d-91a9-91fb4ffaabd5" providerId="AD" clId="Web-{E9330041-98D0-4F1F-8C4C-8FC42E0CFFAC}" dt="2022-12-02T12:16:02.663" v="39"/>
          <ac:spMkLst>
            <pc:docMk/>
            <pc:sldMk cId="3584275556" sldId="317"/>
            <ac:spMk id="5" creationId="{8C9EDCBC-EA5A-9092-08F3-4D2498C273AE}"/>
          </ac:spMkLst>
        </pc:spChg>
      </pc:sldChg>
      <pc:sldChg chg="addSp">
        <pc:chgData name="Lukasz Kutrzuba" userId="S::lukasz.kutrzuba@ericsson.com::362f5cc4-0ca4-4e9d-91a9-91fb4ffaabd5" providerId="AD" clId="Web-{E9330041-98D0-4F1F-8C4C-8FC42E0CFFAC}" dt="2022-12-02T12:16:04.069" v="40"/>
        <pc:sldMkLst>
          <pc:docMk/>
          <pc:sldMk cId="1824887045" sldId="318"/>
        </pc:sldMkLst>
        <pc:spChg chg="add">
          <ac:chgData name="Lukasz Kutrzuba" userId="S::lukasz.kutrzuba@ericsson.com::362f5cc4-0ca4-4e9d-91a9-91fb4ffaabd5" providerId="AD" clId="Web-{E9330041-98D0-4F1F-8C4C-8FC42E0CFFAC}" dt="2022-12-02T12:16:04.069" v="40"/>
          <ac:spMkLst>
            <pc:docMk/>
            <pc:sldMk cId="1824887045" sldId="318"/>
            <ac:spMk id="5" creationId="{E6C0B1BD-603F-AF86-BC6F-020A35A8C18E}"/>
          </ac:spMkLst>
        </pc:spChg>
      </pc:sldChg>
      <pc:sldChg chg="addSp">
        <pc:chgData name="Lukasz Kutrzuba" userId="S::lukasz.kutrzuba@ericsson.com::362f5cc4-0ca4-4e9d-91a9-91fb4ffaabd5" providerId="AD" clId="Web-{E9330041-98D0-4F1F-8C4C-8FC42E0CFFAC}" dt="2022-12-02T12:15:00.925" v="22"/>
        <pc:sldMkLst>
          <pc:docMk/>
          <pc:sldMk cId="2687784262" sldId="348"/>
        </pc:sldMkLst>
        <pc:spChg chg="add">
          <ac:chgData name="Lukasz Kutrzuba" userId="S::lukasz.kutrzuba@ericsson.com::362f5cc4-0ca4-4e9d-91a9-91fb4ffaabd5" providerId="AD" clId="Web-{E9330041-98D0-4F1F-8C4C-8FC42E0CFFAC}" dt="2022-12-02T12:15:00.925" v="22"/>
          <ac:spMkLst>
            <pc:docMk/>
            <pc:sldMk cId="2687784262" sldId="348"/>
            <ac:spMk id="3" creationId="{7D6DA976-6E63-21F8-4F39-35A0D0CA8EDA}"/>
          </ac:spMkLst>
        </pc:spChg>
      </pc:sldChg>
      <pc:sldChg chg="addSp modSp">
        <pc:chgData name="Lukasz Kutrzuba" userId="S::lukasz.kutrzuba@ericsson.com::362f5cc4-0ca4-4e9d-91a9-91fb4ffaabd5" providerId="AD" clId="Web-{E9330041-98D0-4F1F-8C4C-8FC42E0CFFAC}" dt="2022-12-02T12:13:57.016" v="20"/>
        <pc:sldMkLst>
          <pc:docMk/>
          <pc:sldMk cId="1750462366" sldId="349"/>
        </pc:sldMkLst>
        <pc:spChg chg="add">
          <ac:chgData name="Lukasz Kutrzuba" userId="S::lukasz.kutrzuba@ericsson.com::362f5cc4-0ca4-4e9d-91a9-91fb4ffaabd5" providerId="AD" clId="Web-{E9330041-98D0-4F1F-8C4C-8FC42E0CFFAC}" dt="2022-12-02T12:13:57.016" v="20"/>
          <ac:spMkLst>
            <pc:docMk/>
            <pc:sldMk cId="1750462366" sldId="349"/>
            <ac:spMk id="4" creationId="{2986B981-FB52-3178-B454-06F38CA824E5}"/>
          </ac:spMkLst>
        </pc:spChg>
        <pc:spChg chg="mod">
          <ac:chgData name="Lukasz Kutrzuba" userId="S::lukasz.kutrzuba@ericsson.com::362f5cc4-0ca4-4e9d-91a9-91fb4ffaabd5" providerId="AD" clId="Web-{E9330041-98D0-4F1F-8C4C-8FC42E0CFFAC}" dt="2022-12-02T12:13:54.438" v="19" actId="20577"/>
          <ac:spMkLst>
            <pc:docMk/>
            <pc:sldMk cId="1750462366" sldId="349"/>
            <ac:spMk id="12" creationId="{4FFB8876-A80B-45BF-B457-69F329D40EAB}"/>
          </ac:spMkLst>
        </pc:spChg>
      </pc:sldChg>
      <pc:sldChg chg="addSp modSp">
        <pc:chgData name="Lukasz Kutrzuba" userId="S::lukasz.kutrzuba@ericsson.com::362f5cc4-0ca4-4e9d-91a9-91fb4ffaabd5" providerId="AD" clId="Web-{E9330041-98D0-4F1F-8C4C-8FC42E0CFFAC}" dt="2022-12-02T12:13:48.406" v="16" actId="20577"/>
        <pc:sldMkLst>
          <pc:docMk/>
          <pc:sldMk cId="2688583000" sldId="350"/>
        </pc:sldMkLst>
        <pc:spChg chg="add">
          <ac:chgData name="Lukasz Kutrzuba" userId="S::lukasz.kutrzuba@ericsson.com::362f5cc4-0ca4-4e9d-91a9-91fb4ffaabd5" providerId="AD" clId="Web-{E9330041-98D0-4F1F-8C4C-8FC42E0CFFAC}" dt="2022-12-02T12:13:44.829" v="13"/>
          <ac:spMkLst>
            <pc:docMk/>
            <pc:sldMk cId="2688583000" sldId="350"/>
            <ac:spMk id="4" creationId="{0316CCE8-A029-FD08-05A8-3EAA2F93D89B}"/>
          </ac:spMkLst>
        </pc:spChg>
        <pc:spChg chg="mod">
          <ac:chgData name="Lukasz Kutrzuba" userId="S::lukasz.kutrzuba@ericsson.com::362f5cc4-0ca4-4e9d-91a9-91fb4ffaabd5" providerId="AD" clId="Web-{E9330041-98D0-4F1F-8C4C-8FC42E0CFFAC}" dt="2022-12-02T12:13:48.406" v="16" actId="20577"/>
          <ac:spMkLst>
            <pc:docMk/>
            <pc:sldMk cId="2688583000" sldId="350"/>
            <ac:spMk id="9" creationId="{BC8328B3-46B9-814A-9805-A5626BF21769}"/>
          </ac:spMkLst>
        </pc:spChg>
      </pc:sldChg>
      <pc:sldChg chg="addSp delSp modSp">
        <pc:chgData name="Lukasz Kutrzuba" userId="S::lukasz.kutrzuba@ericsson.com::362f5cc4-0ca4-4e9d-91a9-91fb4ffaabd5" providerId="AD" clId="Web-{E9330041-98D0-4F1F-8C4C-8FC42E0CFFAC}" dt="2022-12-02T12:19:07.937" v="55" actId="1076"/>
        <pc:sldMkLst>
          <pc:docMk/>
          <pc:sldMk cId="2302943270" sldId="353"/>
        </pc:sldMkLst>
        <pc:spChg chg="add del">
          <ac:chgData name="Lukasz Kutrzuba" userId="S::lukasz.kutrzuba@ericsson.com::362f5cc4-0ca4-4e9d-91a9-91fb4ffaabd5" providerId="AD" clId="Web-{E9330041-98D0-4F1F-8C4C-8FC42E0CFFAC}" dt="2022-12-02T12:13:37.593" v="12"/>
          <ac:spMkLst>
            <pc:docMk/>
            <pc:sldMk cId="2302943270" sldId="353"/>
            <ac:spMk id="4" creationId="{DEBDC2C4-9D48-1B7D-0815-0162D20AD137}"/>
          </ac:spMkLst>
        </pc:spChg>
        <pc:spChg chg="add">
          <ac:chgData name="Lukasz Kutrzuba" userId="S::lukasz.kutrzuba@ericsson.com::362f5cc4-0ca4-4e9d-91a9-91fb4ffaabd5" providerId="AD" clId="Web-{E9330041-98D0-4F1F-8C4C-8FC42E0CFFAC}" dt="2022-12-02T12:14:55.144" v="21"/>
          <ac:spMkLst>
            <pc:docMk/>
            <pc:sldMk cId="2302943270" sldId="353"/>
            <ac:spMk id="6" creationId="{1FC21BF0-CCDC-9771-F275-B96119750FF7}"/>
          </ac:spMkLst>
        </pc:spChg>
        <pc:spChg chg="mod">
          <ac:chgData name="Lukasz Kutrzuba" userId="S::lukasz.kutrzuba@ericsson.com::362f5cc4-0ca4-4e9d-91a9-91fb4ffaabd5" providerId="AD" clId="Web-{E9330041-98D0-4F1F-8C4C-8FC42E0CFFAC}" dt="2022-12-02T12:13:33.218" v="10" actId="20577"/>
          <ac:spMkLst>
            <pc:docMk/>
            <pc:sldMk cId="2302943270" sldId="353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E9330041-98D0-4F1F-8C4C-8FC42E0CFFAC}" dt="2022-12-02T12:19:07.937" v="55" actId="1076"/>
          <ac:spMkLst>
            <pc:docMk/>
            <pc:sldMk cId="2302943270" sldId="353"/>
            <ac:spMk id="14" creationId="{B6CA66AD-D631-4C5E-A924-BC952D4B4394}"/>
          </ac:spMkLst>
        </pc:spChg>
      </pc:sldChg>
      <pc:sldChg chg="addSp">
        <pc:chgData name="Lukasz Kutrzuba" userId="S::lukasz.kutrzuba@ericsson.com::362f5cc4-0ca4-4e9d-91a9-91fb4ffaabd5" providerId="AD" clId="Web-{E9330041-98D0-4F1F-8C4C-8FC42E0CFFAC}" dt="2022-12-02T12:16:00.522" v="38"/>
        <pc:sldMkLst>
          <pc:docMk/>
          <pc:sldMk cId="2957711237" sldId="355"/>
        </pc:sldMkLst>
        <pc:spChg chg="add">
          <ac:chgData name="Lukasz Kutrzuba" userId="S::lukasz.kutrzuba@ericsson.com::362f5cc4-0ca4-4e9d-91a9-91fb4ffaabd5" providerId="AD" clId="Web-{E9330041-98D0-4F1F-8C4C-8FC42E0CFFAC}" dt="2022-12-02T12:16:00.522" v="38"/>
          <ac:spMkLst>
            <pc:docMk/>
            <pc:sldMk cId="2957711237" sldId="355"/>
            <ac:spMk id="3" creationId="{BC97BD64-455D-6838-C831-EFB51D7AF23D}"/>
          </ac:spMkLst>
        </pc:spChg>
      </pc:sldChg>
      <pc:sldChg chg="modSp">
        <pc:chgData name="Lukasz Kutrzuba" userId="S::lukasz.kutrzuba@ericsson.com::362f5cc4-0ca4-4e9d-91a9-91fb4ffaabd5" providerId="AD" clId="Web-{E9330041-98D0-4F1F-8C4C-8FC42E0CFFAC}" dt="2022-12-02T12:18:58.593" v="53" actId="1076"/>
        <pc:sldMkLst>
          <pc:docMk/>
          <pc:sldMk cId="3477690341" sldId="359"/>
        </pc:sldMkLst>
        <pc:spChg chg="mod">
          <ac:chgData name="Lukasz Kutrzuba" userId="S::lukasz.kutrzuba@ericsson.com::362f5cc4-0ca4-4e9d-91a9-91fb4ffaabd5" providerId="AD" clId="Web-{E9330041-98D0-4F1F-8C4C-8FC42E0CFFAC}" dt="2022-12-02T12:18:58.593" v="53" actId="1076"/>
          <ac:spMkLst>
            <pc:docMk/>
            <pc:sldMk cId="3477690341" sldId="359"/>
            <ac:spMk id="11" creationId="{297D5A59-0C18-2305-4F61-246B6CB3929F}"/>
          </ac:spMkLst>
        </pc:spChg>
      </pc:sldChg>
      <pc:sldChg chg="addSp">
        <pc:chgData name="Lukasz Kutrzuba" userId="S::lukasz.kutrzuba@ericsson.com::362f5cc4-0ca4-4e9d-91a9-91fb4ffaabd5" providerId="AD" clId="Web-{E9330041-98D0-4F1F-8C4C-8FC42E0CFFAC}" dt="2022-12-02T12:16:10.163" v="44"/>
        <pc:sldMkLst>
          <pc:docMk/>
          <pc:sldMk cId="1798889288" sldId="360"/>
        </pc:sldMkLst>
        <pc:spChg chg="add">
          <ac:chgData name="Lukasz Kutrzuba" userId="S::lukasz.kutrzuba@ericsson.com::362f5cc4-0ca4-4e9d-91a9-91fb4ffaabd5" providerId="AD" clId="Web-{E9330041-98D0-4F1F-8C4C-8FC42E0CFFAC}" dt="2022-12-02T12:16:10.163" v="44"/>
          <ac:spMkLst>
            <pc:docMk/>
            <pc:sldMk cId="1798889288" sldId="360"/>
            <ac:spMk id="5" creationId="{075C3815-38CD-9910-2F07-187CAB903D67}"/>
          </ac:spMkLst>
        </pc:spChg>
      </pc:sldChg>
      <pc:sldChg chg="addSp">
        <pc:chgData name="Lukasz Kutrzuba" userId="S::lukasz.kutrzuba@ericsson.com::362f5cc4-0ca4-4e9d-91a9-91fb4ffaabd5" providerId="AD" clId="Web-{E9330041-98D0-4F1F-8C4C-8FC42E0CFFAC}" dt="2022-12-02T12:16:25.898" v="45"/>
        <pc:sldMkLst>
          <pc:docMk/>
          <pc:sldMk cId="1578233730" sldId="366"/>
        </pc:sldMkLst>
        <pc:spChg chg="add">
          <ac:chgData name="Lukasz Kutrzuba" userId="S::lukasz.kutrzuba@ericsson.com::362f5cc4-0ca4-4e9d-91a9-91fb4ffaabd5" providerId="AD" clId="Web-{E9330041-98D0-4F1F-8C4C-8FC42E0CFFAC}" dt="2022-12-02T12:16:25.898" v="45"/>
          <ac:spMkLst>
            <pc:docMk/>
            <pc:sldMk cId="1578233730" sldId="366"/>
            <ac:spMk id="4" creationId="{CAB5EF06-43CD-BFA6-7DCB-A78590F6F219}"/>
          </ac:spMkLst>
        </pc:spChg>
      </pc:sldChg>
      <pc:sldChg chg="modSp">
        <pc:chgData name="Lukasz Kutrzuba" userId="S::lukasz.kutrzuba@ericsson.com::362f5cc4-0ca4-4e9d-91a9-91fb4ffaabd5" providerId="AD" clId="Web-{E9330041-98D0-4F1F-8C4C-8FC42E0CFFAC}" dt="2022-12-02T12:17:27.323" v="51" actId="1076"/>
        <pc:sldMkLst>
          <pc:docMk/>
          <pc:sldMk cId="3253330224" sldId="376"/>
        </pc:sldMkLst>
        <pc:spChg chg="mod">
          <ac:chgData name="Lukasz Kutrzuba" userId="S::lukasz.kutrzuba@ericsson.com::362f5cc4-0ca4-4e9d-91a9-91fb4ffaabd5" providerId="AD" clId="Web-{E9330041-98D0-4F1F-8C4C-8FC42E0CFFAC}" dt="2022-12-02T12:17:27.323" v="51" actId="1076"/>
          <ac:spMkLst>
            <pc:docMk/>
            <pc:sldMk cId="3253330224" sldId="376"/>
            <ac:spMk id="4" creationId="{386AD299-C7CF-26E6-FB3C-70C5DE2860CF}"/>
          </ac:spMkLst>
        </pc:spChg>
      </pc:sldChg>
      <pc:sldChg chg="modSp">
        <pc:chgData name="Lukasz Kutrzuba" userId="S::lukasz.kutrzuba@ericsson.com::362f5cc4-0ca4-4e9d-91a9-91fb4ffaabd5" providerId="AD" clId="Web-{E9330041-98D0-4F1F-8C4C-8FC42E0CFFAC}" dt="2022-12-02T12:19:02.624" v="54" actId="1076"/>
        <pc:sldMkLst>
          <pc:docMk/>
          <pc:sldMk cId="805032094" sldId="379"/>
        </pc:sldMkLst>
        <pc:spChg chg="mod">
          <ac:chgData name="Lukasz Kutrzuba" userId="S::lukasz.kutrzuba@ericsson.com::362f5cc4-0ca4-4e9d-91a9-91fb4ffaabd5" providerId="AD" clId="Web-{E9330041-98D0-4F1F-8C4C-8FC42E0CFFAC}" dt="2022-12-02T12:19:02.624" v="54" actId="1076"/>
          <ac:spMkLst>
            <pc:docMk/>
            <pc:sldMk cId="805032094" sldId="379"/>
            <ac:spMk id="4" creationId="{842F9EE9-C5EE-8B26-F224-7E9F6EF81F66}"/>
          </ac:spMkLst>
        </pc:spChg>
      </pc:sldChg>
      <pc:sldChg chg="addSp">
        <pc:chgData name="Lukasz Kutrzuba" userId="S::lukasz.kutrzuba@ericsson.com::362f5cc4-0ca4-4e9d-91a9-91fb4ffaabd5" providerId="AD" clId="Web-{E9330041-98D0-4F1F-8C4C-8FC42E0CFFAC}" dt="2022-12-02T12:15:03.082" v="23"/>
        <pc:sldMkLst>
          <pc:docMk/>
          <pc:sldMk cId="1154792189" sldId="380"/>
        </pc:sldMkLst>
        <pc:spChg chg="add">
          <ac:chgData name="Lukasz Kutrzuba" userId="S::lukasz.kutrzuba@ericsson.com::362f5cc4-0ca4-4e9d-91a9-91fb4ffaabd5" providerId="AD" clId="Web-{E9330041-98D0-4F1F-8C4C-8FC42E0CFFAC}" dt="2022-12-02T12:15:03.082" v="23"/>
          <ac:spMkLst>
            <pc:docMk/>
            <pc:sldMk cId="1154792189" sldId="380"/>
            <ac:spMk id="3" creationId="{21AFA380-CE28-DA15-7C51-8A9C861581C3}"/>
          </ac:spMkLst>
        </pc:spChg>
      </pc:sldChg>
    </pc:docChg>
  </pc:docChgLst>
  <pc:docChgLst>
    <pc:chgData name="Lukasz Kutrzuba" userId="S::lukasz.kutrzuba@ericsson.com::362f5cc4-0ca4-4e9d-91a9-91fb4ffaabd5" providerId="AD" clId="Web-{BC674A8A-C16C-4F43-992D-9E543BA6EC1F}"/>
    <pc:docChg chg="addSld delSld modSld sldOrd">
      <pc:chgData name="Lukasz Kutrzuba" userId="S::lukasz.kutrzuba@ericsson.com::362f5cc4-0ca4-4e9d-91a9-91fb4ffaabd5" providerId="AD" clId="Web-{BC674A8A-C16C-4F43-992D-9E543BA6EC1F}" dt="2022-11-28T23:28:48.072" v="945"/>
      <pc:docMkLst>
        <pc:docMk/>
      </pc:docMkLst>
      <pc:sldChg chg="addSp delSp modSp">
        <pc:chgData name="Lukasz Kutrzuba" userId="S::lukasz.kutrzuba@ericsson.com::362f5cc4-0ca4-4e9d-91a9-91fb4ffaabd5" providerId="AD" clId="Web-{BC674A8A-C16C-4F43-992D-9E543BA6EC1F}" dt="2022-11-28T22:43:40.758" v="24" actId="1076"/>
        <pc:sldMkLst>
          <pc:docMk/>
          <pc:sldMk cId="1785458395" sldId="312"/>
        </pc:sldMkLst>
        <pc:picChg chg="add del mod">
          <ac:chgData name="Lukasz Kutrzuba" userId="S::lukasz.kutrzuba@ericsson.com::362f5cc4-0ca4-4e9d-91a9-91fb4ffaabd5" providerId="AD" clId="Web-{BC674A8A-C16C-4F43-992D-9E543BA6EC1F}" dt="2022-11-28T22:43:33.133" v="20"/>
          <ac:picMkLst>
            <pc:docMk/>
            <pc:sldMk cId="1785458395" sldId="312"/>
            <ac:picMk id="2" creationId="{FC07ADEA-0533-2D4E-3955-BF365574472A}"/>
          </ac:picMkLst>
        </pc:picChg>
        <pc:picChg chg="add mod">
          <ac:chgData name="Lukasz Kutrzuba" userId="S::lukasz.kutrzuba@ericsson.com::362f5cc4-0ca4-4e9d-91a9-91fb4ffaabd5" providerId="AD" clId="Web-{BC674A8A-C16C-4F43-992D-9E543BA6EC1F}" dt="2022-11-28T22:43:40.758" v="24" actId="1076"/>
          <ac:picMkLst>
            <pc:docMk/>
            <pc:sldMk cId="1785458395" sldId="312"/>
            <ac:picMk id="3" creationId="{D37E0A8B-4063-0FD2-3AB0-FCC51727A572}"/>
          </ac:picMkLst>
        </pc:picChg>
        <pc:picChg chg="del">
          <ac:chgData name="Lukasz Kutrzuba" userId="S::lukasz.kutrzuba@ericsson.com::362f5cc4-0ca4-4e9d-91a9-91fb4ffaabd5" providerId="AD" clId="Web-{BC674A8A-C16C-4F43-992D-9E543BA6EC1F}" dt="2022-11-28T22:42:00.818" v="6"/>
          <ac:picMkLst>
            <pc:docMk/>
            <pc:sldMk cId="1785458395" sldId="312"/>
            <ac:picMk id="6" creationId="{4D0136F3-5BEB-428A-8E68-6355F77E67D8}"/>
          </ac:picMkLst>
        </pc:picChg>
      </pc:sldChg>
      <pc:sldChg chg="addSp delSp modSp">
        <pc:chgData name="Lukasz Kutrzuba" userId="S::lukasz.kutrzuba@ericsson.com::362f5cc4-0ca4-4e9d-91a9-91fb4ffaabd5" providerId="AD" clId="Web-{BC674A8A-C16C-4F43-992D-9E543BA6EC1F}" dt="2022-11-28T22:50:25.204" v="95" actId="1076"/>
        <pc:sldMkLst>
          <pc:docMk/>
          <pc:sldMk cId="874184806" sldId="313"/>
        </pc:sldMkLst>
        <pc:spChg chg="add mod">
          <ac:chgData name="Lukasz Kutrzuba" userId="S::lukasz.kutrzuba@ericsson.com::362f5cc4-0ca4-4e9d-91a9-91fb4ffaabd5" providerId="AD" clId="Web-{BC674A8A-C16C-4F43-992D-9E543BA6EC1F}" dt="2022-11-28T22:50:11.516" v="89" actId="14100"/>
          <ac:spMkLst>
            <pc:docMk/>
            <pc:sldMk cId="874184806" sldId="313"/>
            <ac:spMk id="4" creationId="{30D65C50-9E13-DDA4-970F-26F97222ED72}"/>
          </ac:spMkLst>
        </pc:spChg>
        <pc:picChg chg="add mod">
          <ac:chgData name="Lukasz Kutrzuba" userId="S::lukasz.kutrzuba@ericsson.com::362f5cc4-0ca4-4e9d-91a9-91fb4ffaabd5" providerId="AD" clId="Web-{BC674A8A-C16C-4F43-992D-9E543BA6EC1F}" dt="2022-11-28T22:50:25.204" v="95" actId="1076"/>
          <ac:picMkLst>
            <pc:docMk/>
            <pc:sldMk cId="874184806" sldId="313"/>
            <ac:picMk id="2" creationId="{36C9B647-89EF-86FD-976D-6DE89BA44015}"/>
          </ac:picMkLst>
        </pc:picChg>
        <pc:picChg chg="del">
          <ac:chgData name="Lukasz Kutrzuba" userId="S::lukasz.kutrzuba@ericsson.com::362f5cc4-0ca4-4e9d-91a9-91fb4ffaabd5" providerId="AD" clId="Web-{BC674A8A-C16C-4F43-992D-9E543BA6EC1F}" dt="2022-11-28T22:45:26.010" v="25"/>
          <ac:picMkLst>
            <pc:docMk/>
            <pc:sldMk cId="874184806" sldId="313"/>
            <ac:picMk id="10" creationId="{5AC5CD41-BE0D-4910-827D-2FE9147FA7E9}"/>
          </ac:picMkLst>
        </pc:picChg>
      </pc:sldChg>
      <pc:sldChg chg="addSp delSp modSp">
        <pc:chgData name="Lukasz Kutrzuba" userId="S::lukasz.kutrzuba@ericsson.com::362f5cc4-0ca4-4e9d-91a9-91fb4ffaabd5" providerId="AD" clId="Web-{BC674A8A-C16C-4F43-992D-9E543BA6EC1F}" dt="2022-11-28T22:52:04.175" v="101" actId="1076"/>
        <pc:sldMkLst>
          <pc:docMk/>
          <pc:sldMk cId="864716323" sldId="315"/>
        </pc:sldMkLst>
        <pc:picChg chg="add mod">
          <ac:chgData name="Lukasz Kutrzuba" userId="S::lukasz.kutrzuba@ericsson.com::362f5cc4-0ca4-4e9d-91a9-91fb4ffaabd5" providerId="AD" clId="Web-{BC674A8A-C16C-4F43-992D-9E543BA6EC1F}" dt="2022-11-28T22:52:04.175" v="101" actId="1076"/>
          <ac:picMkLst>
            <pc:docMk/>
            <pc:sldMk cId="864716323" sldId="315"/>
            <ac:picMk id="2" creationId="{2FDD51A9-FFDF-F1A3-F1F4-51AD2F497A6A}"/>
          </ac:picMkLst>
        </pc:picChg>
        <pc:picChg chg="del">
          <ac:chgData name="Lukasz Kutrzuba" userId="S::lukasz.kutrzuba@ericsson.com::362f5cc4-0ca4-4e9d-91a9-91fb4ffaabd5" providerId="AD" clId="Web-{BC674A8A-C16C-4F43-992D-9E543BA6EC1F}" dt="2022-11-28T22:51:55.909" v="97"/>
          <ac:picMkLst>
            <pc:docMk/>
            <pc:sldMk cId="864716323" sldId="315"/>
            <ac:picMk id="4" creationId="{135D8999-D025-49F3-B5F5-4250B337A395}"/>
          </ac:picMkLst>
        </pc:picChg>
      </pc:sldChg>
      <pc:sldChg chg="addSp delSp modSp ord">
        <pc:chgData name="Lukasz Kutrzuba" userId="S::lukasz.kutrzuba@ericsson.com::362f5cc4-0ca4-4e9d-91a9-91fb4ffaabd5" providerId="AD" clId="Web-{BC674A8A-C16C-4F43-992D-9E543BA6EC1F}" dt="2022-11-28T22:54:25.491" v="117" actId="14100"/>
        <pc:sldMkLst>
          <pc:docMk/>
          <pc:sldMk cId="71151763" sldId="316"/>
        </pc:sldMkLst>
        <pc:picChg chg="add mod">
          <ac:chgData name="Lukasz Kutrzuba" userId="S::lukasz.kutrzuba@ericsson.com::362f5cc4-0ca4-4e9d-91a9-91fb4ffaabd5" providerId="AD" clId="Web-{BC674A8A-C16C-4F43-992D-9E543BA6EC1F}" dt="2022-11-28T22:54:25.491" v="117" actId="14100"/>
          <ac:picMkLst>
            <pc:docMk/>
            <pc:sldMk cId="71151763" sldId="316"/>
            <ac:picMk id="2" creationId="{EA3A7B12-919F-5268-4304-8A9EE023251D}"/>
          </ac:picMkLst>
        </pc:picChg>
        <pc:picChg chg="del">
          <ac:chgData name="Lukasz Kutrzuba" userId="S::lukasz.kutrzuba@ericsson.com::362f5cc4-0ca4-4e9d-91a9-91fb4ffaabd5" providerId="AD" clId="Web-{BC674A8A-C16C-4F43-992D-9E543BA6EC1F}" dt="2022-11-28T22:53:26.973" v="111"/>
          <ac:picMkLst>
            <pc:docMk/>
            <pc:sldMk cId="71151763" sldId="316"/>
            <ac:picMk id="3" creationId="{940F4C1B-3FC3-4561-91AD-BCD5FAD274BD}"/>
          </ac:picMkLst>
        </pc:picChg>
      </pc:sldChg>
      <pc:sldChg chg="addSp delSp modSp ord">
        <pc:chgData name="Lukasz Kutrzuba" userId="S::lukasz.kutrzuba@ericsson.com::362f5cc4-0ca4-4e9d-91a9-91fb4ffaabd5" providerId="AD" clId="Web-{BC674A8A-C16C-4F43-992D-9E543BA6EC1F}" dt="2022-11-28T23:00:48.234" v="139" actId="14100"/>
        <pc:sldMkLst>
          <pc:docMk/>
          <pc:sldMk cId="3584275556" sldId="317"/>
        </pc:sldMkLst>
        <pc:picChg chg="add del mod">
          <ac:chgData name="Lukasz Kutrzuba" userId="S::lukasz.kutrzuba@ericsson.com::362f5cc4-0ca4-4e9d-91a9-91fb4ffaabd5" providerId="AD" clId="Web-{BC674A8A-C16C-4F43-992D-9E543BA6EC1F}" dt="2022-11-28T23:00:37.249" v="134"/>
          <ac:picMkLst>
            <pc:docMk/>
            <pc:sldMk cId="3584275556" sldId="317"/>
            <ac:picMk id="2" creationId="{C506BB6C-85F8-1F13-114C-800B11B34054}"/>
          </ac:picMkLst>
        </pc:picChg>
        <pc:picChg chg="add mod">
          <ac:chgData name="Lukasz Kutrzuba" userId="S::lukasz.kutrzuba@ericsson.com::362f5cc4-0ca4-4e9d-91a9-91fb4ffaabd5" providerId="AD" clId="Web-{BC674A8A-C16C-4F43-992D-9E543BA6EC1F}" dt="2022-11-28T23:00:48.234" v="139" actId="14100"/>
          <ac:picMkLst>
            <pc:docMk/>
            <pc:sldMk cId="3584275556" sldId="317"/>
            <ac:picMk id="3" creationId="{F3FB9654-6802-1DDE-FC41-B82307A52C5C}"/>
          </ac:picMkLst>
        </pc:picChg>
        <pc:picChg chg="del">
          <ac:chgData name="Lukasz Kutrzuba" userId="S::lukasz.kutrzuba@ericsson.com::362f5cc4-0ca4-4e9d-91a9-91fb4ffaabd5" providerId="AD" clId="Web-{BC674A8A-C16C-4F43-992D-9E543BA6EC1F}" dt="2022-11-28T22:53:08.379" v="104"/>
          <ac:picMkLst>
            <pc:docMk/>
            <pc:sldMk cId="3584275556" sldId="317"/>
            <ac:picMk id="4" creationId="{9D13311F-453B-4049-8A72-5216E029EB53}"/>
          </ac:picMkLst>
        </pc:picChg>
      </pc:sldChg>
      <pc:sldChg chg="addSp delSp modSp">
        <pc:chgData name="Lukasz Kutrzuba" userId="S::lukasz.kutrzuba@ericsson.com::362f5cc4-0ca4-4e9d-91a9-91fb4ffaabd5" providerId="AD" clId="Web-{BC674A8A-C16C-4F43-992D-9E543BA6EC1F}" dt="2022-11-28T22:58:43.919" v="133" actId="1076"/>
        <pc:sldMkLst>
          <pc:docMk/>
          <pc:sldMk cId="1824887045" sldId="318"/>
        </pc:sldMkLst>
        <pc:picChg chg="add del mod">
          <ac:chgData name="Lukasz Kutrzuba" userId="S::lukasz.kutrzuba@ericsson.com::362f5cc4-0ca4-4e9d-91a9-91fb4ffaabd5" providerId="AD" clId="Web-{BC674A8A-C16C-4F43-992D-9E543BA6EC1F}" dt="2022-11-28T22:58:26.934" v="124"/>
          <ac:picMkLst>
            <pc:docMk/>
            <pc:sldMk cId="1824887045" sldId="318"/>
            <ac:picMk id="2" creationId="{85C5AD71-7595-647F-1CC4-831387C0F26D}"/>
          </ac:picMkLst>
        </pc:picChg>
        <pc:picChg chg="del">
          <ac:chgData name="Lukasz Kutrzuba" userId="S::lukasz.kutrzuba@ericsson.com::362f5cc4-0ca4-4e9d-91a9-91fb4ffaabd5" providerId="AD" clId="Web-{BC674A8A-C16C-4F43-992D-9E543BA6EC1F}" dt="2022-11-28T22:57:19.354" v="118"/>
          <ac:picMkLst>
            <pc:docMk/>
            <pc:sldMk cId="1824887045" sldId="318"/>
            <ac:picMk id="3" creationId="{0E834CF7-0C6F-4CFB-AE94-FAA8FBC4D2AE}"/>
          </ac:picMkLst>
        </pc:picChg>
        <pc:picChg chg="add mod">
          <ac:chgData name="Lukasz Kutrzuba" userId="S::lukasz.kutrzuba@ericsson.com::362f5cc4-0ca4-4e9d-91a9-91fb4ffaabd5" providerId="AD" clId="Web-{BC674A8A-C16C-4F43-992D-9E543BA6EC1F}" dt="2022-11-28T22:58:43.919" v="133" actId="1076"/>
          <ac:picMkLst>
            <pc:docMk/>
            <pc:sldMk cId="1824887045" sldId="318"/>
            <ac:picMk id="4" creationId="{2D1843DE-114D-947F-9C39-16565E85C024}"/>
          </ac:picMkLst>
        </pc:picChg>
      </pc:sldChg>
      <pc:sldChg chg="addSp delSp modSp">
        <pc:chgData name="Lukasz Kutrzuba" userId="S::lukasz.kutrzuba@ericsson.com::362f5cc4-0ca4-4e9d-91a9-91fb4ffaabd5" providerId="AD" clId="Web-{BC674A8A-C16C-4F43-992D-9E543BA6EC1F}" dt="2022-11-28T23:08:38.619" v="155" actId="14100"/>
        <pc:sldMkLst>
          <pc:docMk/>
          <pc:sldMk cId="1175326131" sldId="334"/>
        </pc:sldMkLst>
        <pc:spChg chg="mod">
          <ac:chgData name="Lukasz Kutrzuba" userId="S::lukasz.kutrzuba@ericsson.com::362f5cc4-0ca4-4e9d-91a9-91fb4ffaabd5" providerId="AD" clId="Web-{BC674A8A-C16C-4F43-992D-9E543BA6EC1F}" dt="2022-11-28T23:08:38.619" v="155" actId="14100"/>
          <ac:spMkLst>
            <pc:docMk/>
            <pc:sldMk cId="1175326131" sldId="334"/>
            <ac:spMk id="12" creationId="{4FFB8876-A80B-45BF-B457-69F329D40EAB}"/>
          </ac:spMkLst>
        </pc:spChg>
        <pc:picChg chg="add mod">
          <ac:chgData name="Lukasz Kutrzuba" userId="S::lukasz.kutrzuba@ericsson.com::362f5cc4-0ca4-4e9d-91a9-91fb4ffaabd5" providerId="AD" clId="Web-{BC674A8A-C16C-4F43-992D-9E543BA6EC1F}" dt="2022-11-28T23:08:03.227" v="154" actId="1076"/>
          <ac:picMkLst>
            <pc:docMk/>
            <pc:sldMk cId="1175326131" sldId="334"/>
            <ac:picMk id="2" creationId="{87F50F47-773C-3372-FC8E-88266072F3C2}"/>
          </ac:picMkLst>
        </pc:picChg>
        <pc:picChg chg="del">
          <ac:chgData name="Lukasz Kutrzuba" userId="S::lukasz.kutrzuba@ericsson.com::362f5cc4-0ca4-4e9d-91a9-91fb4ffaabd5" providerId="AD" clId="Web-{BC674A8A-C16C-4F43-992D-9E543BA6EC1F}" dt="2022-11-28T23:07:37.555" v="140"/>
          <ac:picMkLst>
            <pc:docMk/>
            <pc:sldMk cId="1175326131" sldId="334"/>
            <ac:picMk id="7" creationId="{1E203EA9-AC66-4DA5-9BAB-3C283D8AD15F}"/>
          </ac:picMkLst>
        </pc:picChg>
      </pc:sldChg>
      <pc:sldChg chg="modSp">
        <pc:chgData name="Lukasz Kutrzuba" userId="S::lukasz.kutrzuba@ericsson.com::362f5cc4-0ca4-4e9d-91a9-91fb4ffaabd5" providerId="AD" clId="Web-{BC674A8A-C16C-4F43-992D-9E543BA6EC1F}" dt="2022-11-28T22:40:39.660" v="4" actId="20577"/>
        <pc:sldMkLst>
          <pc:docMk/>
          <pc:sldMk cId="1938067204" sldId="339"/>
        </pc:sldMkLst>
        <pc:spChg chg="mod">
          <ac:chgData name="Lukasz Kutrzuba" userId="S::lukasz.kutrzuba@ericsson.com::362f5cc4-0ca4-4e9d-91a9-91fb4ffaabd5" providerId="AD" clId="Web-{BC674A8A-C16C-4F43-992D-9E543BA6EC1F}" dt="2022-11-28T22:40:39.660" v="4" actId="20577"/>
          <ac:spMkLst>
            <pc:docMk/>
            <pc:sldMk cId="1938067204" sldId="339"/>
            <ac:spMk id="14" creationId="{B6CA66AD-D631-4C5E-A924-BC952D4B4394}"/>
          </ac:spMkLst>
        </pc:spChg>
      </pc:sldChg>
      <pc:sldChg chg="addSp delSp modSp add replId">
        <pc:chgData name="Lukasz Kutrzuba" userId="S::lukasz.kutrzuba@ericsson.com::362f5cc4-0ca4-4e9d-91a9-91fb4ffaabd5" providerId="AD" clId="Web-{BC674A8A-C16C-4F43-992D-9E543BA6EC1F}" dt="2022-11-28T22:50:27.860" v="96" actId="1076"/>
        <pc:sldMkLst>
          <pc:docMk/>
          <pc:sldMk cId="2957711237" sldId="355"/>
        </pc:sldMkLst>
        <pc:spChg chg="add mod">
          <ac:chgData name="Lukasz Kutrzuba" userId="S::lukasz.kutrzuba@ericsson.com::362f5cc4-0ca4-4e9d-91a9-91fb4ffaabd5" providerId="AD" clId="Web-{BC674A8A-C16C-4F43-992D-9E543BA6EC1F}" dt="2022-11-28T22:50:20.438" v="94" actId="20577"/>
          <ac:spMkLst>
            <pc:docMk/>
            <pc:sldMk cId="2957711237" sldId="355"/>
            <ac:spMk id="6" creationId="{220A79AD-610F-49BB-3D9F-1330991C6272}"/>
          </ac:spMkLst>
        </pc:spChg>
        <pc:picChg chg="del">
          <ac:chgData name="Lukasz Kutrzuba" userId="S::lukasz.kutrzuba@ericsson.com::362f5cc4-0ca4-4e9d-91a9-91fb4ffaabd5" providerId="AD" clId="Web-{BC674A8A-C16C-4F43-992D-9E543BA6EC1F}" dt="2022-11-28T22:47:33.700" v="33"/>
          <ac:picMkLst>
            <pc:docMk/>
            <pc:sldMk cId="2957711237" sldId="355"/>
            <ac:picMk id="2" creationId="{36C9B647-89EF-86FD-976D-6DE89BA44015}"/>
          </ac:picMkLst>
        </pc:picChg>
        <pc:picChg chg="add del mod">
          <ac:chgData name="Lukasz Kutrzuba" userId="S::lukasz.kutrzuba@ericsson.com::362f5cc4-0ca4-4e9d-91a9-91fb4ffaabd5" providerId="AD" clId="Web-{BC674A8A-C16C-4F43-992D-9E543BA6EC1F}" dt="2022-11-28T22:48:26.686" v="40"/>
          <ac:picMkLst>
            <pc:docMk/>
            <pc:sldMk cId="2957711237" sldId="355"/>
            <ac:picMk id="3" creationId="{9F81992F-C93C-5044-B193-AF21F66398E1}"/>
          </ac:picMkLst>
        </pc:picChg>
        <pc:picChg chg="add mod">
          <ac:chgData name="Lukasz Kutrzuba" userId="S::lukasz.kutrzuba@ericsson.com::362f5cc4-0ca4-4e9d-91a9-91fb4ffaabd5" providerId="AD" clId="Web-{BC674A8A-C16C-4F43-992D-9E543BA6EC1F}" dt="2022-11-28T22:50:27.860" v="96" actId="1076"/>
          <ac:picMkLst>
            <pc:docMk/>
            <pc:sldMk cId="2957711237" sldId="355"/>
            <ac:picMk id="4" creationId="{3C21CEEA-1BC1-DDB6-AC27-4A99C2589074}"/>
          </ac:picMkLst>
        </pc:picChg>
      </pc:sldChg>
      <pc:sldChg chg="add del replId">
        <pc:chgData name="Lukasz Kutrzuba" userId="S::lukasz.kutrzuba@ericsson.com::362f5cc4-0ca4-4e9d-91a9-91fb4ffaabd5" providerId="AD" clId="Web-{BC674A8A-C16C-4F43-992D-9E543BA6EC1F}" dt="2022-11-28T22:47:37.107" v="35"/>
        <pc:sldMkLst>
          <pc:docMk/>
          <pc:sldMk cId="1531822690" sldId="356"/>
        </pc:sldMkLst>
      </pc:sldChg>
      <pc:sldChg chg="addSp delSp modSp add replId">
        <pc:chgData name="Lukasz Kutrzuba" userId="S::lukasz.kutrzuba@ericsson.com::362f5cc4-0ca4-4e9d-91a9-91fb4ffaabd5" providerId="AD" clId="Web-{BC674A8A-C16C-4F43-992D-9E543BA6EC1F}" dt="2022-11-28T23:28:48.072" v="945"/>
        <pc:sldMkLst>
          <pc:docMk/>
          <pc:sldMk cId="2628259242" sldId="356"/>
        </pc:sldMkLst>
        <pc:spChg chg="add mod">
          <ac:chgData name="Lukasz Kutrzuba" userId="S::lukasz.kutrzuba@ericsson.com::362f5cc4-0ca4-4e9d-91a9-91fb4ffaabd5" providerId="AD" clId="Web-{BC674A8A-C16C-4F43-992D-9E543BA6EC1F}" dt="2022-11-28T23:20:40.259" v="597" actId="1076"/>
          <ac:spMkLst>
            <pc:docMk/>
            <pc:sldMk cId="2628259242" sldId="356"/>
            <ac:spMk id="4" creationId="{F11DFB20-4B57-45E0-2B99-0FC36DFB03EC}"/>
          </ac:spMkLst>
        </pc:spChg>
        <pc:spChg chg="add del mod">
          <ac:chgData name="Lukasz Kutrzuba" userId="S::lukasz.kutrzuba@ericsson.com::362f5cc4-0ca4-4e9d-91a9-91fb4ffaabd5" providerId="AD" clId="Web-{BC674A8A-C16C-4F43-992D-9E543BA6EC1F}" dt="2022-11-28T23:21:03.557" v="603"/>
          <ac:spMkLst>
            <pc:docMk/>
            <pc:sldMk cId="2628259242" sldId="356"/>
            <ac:spMk id="5" creationId="{104B8D4A-62AA-F1E4-D7F6-EA0D2094284C}"/>
          </ac:spMkLst>
        </pc:spChg>
        <pc:spChg chg="mod">
          <ac:chgData name="Lukasz Kutrzuba" userId="S::lukasz.kutrzuba@ericsson.com::362f5cc4-0ca4-4e9d-91a9-91fb4ffaabd5" providerId="AD" clId="Web-{BC674A8A-C16C-4F43-992D-9E543BA6EC1F}" dt="2022-11-28T23:15:20.518" v="196" actId="20577"/>
          <ac:spMkLst>
            <pc:docMk/>
            <pc:sldMk cId="2628259242" sldId="356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BC674A8A-C16C-4F43-992D-9E543BA6EC1F}" dt="2022-11-28T23:14:16.407" v="158" actId="20577"/>
          <ac:spMkLst>
            <pc:docMk/>
            <pc:sldMk cId="2628259242" sldId="356"/>
            <ac:spMk id="14" creationId="{B6CA66AD-D631-4C5E-A924-BC952D4B4394}"/>
          </ac:spMkLst>
        </pc:spChg>
        <pc:graphicFrameChg chg="add mod modGraphic">
          <ac:chgData name="Lukasz Kutrzuba" userId="S::lukasz.kutrzuba@ericsson.com::362f5cc4-0ca4-4e9d-91a9-91fb4ffaabd5" providerId="AD" clId="Web-{BC674A8A-C16C-4F43-992D-9E543BA6EC1F}" dt="2022-11-28T23:28:48.072" v="945"/>
          <ac:graphicFrameMkLst>
            <pc:docMk/>
            <pc:sldMk cId="2628259242" sldId="356"/>
            <ac:graphicFrameMk id="2" creationId="{C73CA138-ED97-40BC-0A94-EC6657FC7642}"/>
          </ac:graphicFrameMkLst>
        </pc:graphicFrameChg>
        <pc:picChg chg="add del">
          <ac:chgData name="Lukasz Kutrzuba" userId="S::lukasz.kutrzuba@ericsson.com::362f5cc4-0ca4-4e9d-91a9-91fb4ffaabd5" providerId="AD" clId="Web-{BC674A8A-C16C-4F43-992D-9E543BA6EC1F}" dt="2022-11-28T23:21:07.197" v="605"/>
          <ac:picMkLst>
            <pc:docMk/>
            <pc:sldMk cId="2628259242" sldId="356"/>
            <ac:picMk id="10" creationId="{3DBEB729-1203-44C5-AFA2-B745B6A191BC}"/>
          </ac:picMkLst>
        </pc:picChg>
      </pc:sldChg>
    </pc:docChg>
  </pc:docChgLst>
  <pc:docChgLst>
    <pc:chgData name="Lukasz Kutrzuba" userId="S::lukasz.kutrzuba@ericsson.com::362f5cc4-0ca4-4e9d-91a9-91fb4ffaabd5" providerId="AD" clId="Web-{6D77151A-8092-42CC-9D1A-5EB0D2FFE086}"/>
    <pc:docChg chg="addSld delSld modSld sldOrd">
      <pc:chgData name="Lukasz Kutrzuba" userId="S::lukasz.kutrzuba@ericsson.com::362f5cc4-0ca4-4e9d-91a9-91fb4ffaabd5" providerId="AD" clId="Web-{6D77151A-8092-42CC-9D1A-5EB0D2FFE086}" dt="2022-11-25T08:34:54.989" v="207" actId="20577"/>
      <pc:docMkLst>
        <pc:docMk/>
      </pc:docMkLst>
      <pc:sldChg chg="modSp">
        <pc:chgData name="Lukasz Kutrzuba" userId="S::lukasz.kutrzuba@ericsson.com::362f5cc4-0ca4-4e9d-91a9-91fb4ffaabd5" providerId="AD" clId="Web-{6D77151A-8092-42CC-9D1A-5EB0D2FFE086}" dt="2022-11-25T08:34:54.989" v="207" actId="20577"/>
        <pc:sldMkLst>
          <pc:docMk/>
          <pc:sldMk cId="1751494603" sldId="352"/>
        </pc:sldMkLst>
        <pc:spChg chg="mod">
          <ac:chgData name="Lukasz Kutrzuba" userId="S::lukasz.kutrzuba@ericsson.com::362f5cc4-0ca4-4e9d-91a9-91fb4ffaabd5" providerId="AD" clId="Web-{6D77151A-8092-42CC-9D1A-5EB0D2FFE086}" dt="2022-11-25T08:34:54.989" v="207" actId="20577"/>
          <ac:spMkLst>
            <pc:docMk/>
            <pc:sldMk cId="1751494603" sldId="352"/>
            <ac:spMk id="5" creationId="{72CA62AA-5354-8A74-70AC-64FD9ADFD59D}"/>
          </ac:spMkLst>
        </pc:spChg>
      </pc:sldChg>
      <pc:sldChg chg="addSp delSp modSp add ord replId">
        <pc:chgData name="Lukasz Kutrzuba" userId="S::lukasz.kutrzuba@ericsson.com::362f5cc4-0ca4-4e9d-91a9-91fb4ffaabd5" providerId="AD" clId="Web-{6D77151A-8092-42CC-9D1A-5EB0D2FFE086}" dt="2022-11-25T08:33:31.940" v="202" actId="14100"/>
        <pc:sldMkLst>
          <pc:docMk/>
          <pc:sldMk cId="2302943270" sldId="353"/>
        </pc:sldMkLst>
        <pc:spChg chg="mod">
          <ac:chgData name="Lukasz Kutrzuba" userId="S::lukasz.kutrzuba@ericsson.com::362f5cc4-0ca4-4e9d-91a9-91fb4ffaabd5" providerId="AD" clId="Web-{6D77151A-8092-42CC-9D1A-5EB0D2FFE086}" dt="2022-11-25T08:33:31.940" v="202" actId="14100"/>
          <ac:spMkLst>
            <pc:docMk/>
            <pc:sldMk cId="2302943270" sldId="353"/>
            <ac:spMk id="14" creationId="{B6CA66AD-D631-4C5E-A924-BC952D4B4394}"/>
          </ac:spMkLst>
        </pc:spChg>
        <pc:picChg chg="add mod">
          <ac:chgData name="Lukasz Kutrzuba" userId="S::lukasz.kutrzuba@ericsson.com::362f5cc4-0ca4-4e9d-91a9-91fb4ffaabd5" providerId="AD" clId="Web-{6D77151A-8092-42CC-9D1A-5EB0D2FFE086}" dt="2022-11-25T08:32:23.547" v="179" actId="1076"/>
          <ac:picMkLst>
            <pc:docMk/>
            <pc:sldMk cId="2302943270" sldId="353"/>
            <ac:picMk id="2" creationId="{8D6D1195-354B-3150-48F6-6FAF9739BAF5}"/>
          </ac:picMkLst>
        </pc:picChg>
        <pc:picChg chg="del">
          <ac:chgData name="Lukasz Kutrzuba" userId="S::lukasz.kutrzuba@ericsson.com::362f5cc4-0ca4-4e9d-91a9-91fb4ffaabd5" providerId="AD" clId="Web-{6D77151A-8092-42CC-9D1A-5EB0D2FFE086}" dt="2022-11-25T08:30:20.060" v="3"/>
          <ac:picMkLst>
            <pc:docMk/>
            <pc:sldMk cId="2302943270" sldId="353"/>
            <ac:picMk id="15" creationId="{6B371CEA-7D69-41EE-882E-BA4D60BABB7A}"/>
          </ac:picMkLst>
        </pc:picChg>
        <pc:picChg chg="del">
          <ac:chgData name="Lukasz Kutrzuba" userId="S::lukasz.kutrzuba@ericsson.com::362f5cc4-0ca4-4e9d-91a9-91fb4ffaabd5" providerId="AD" clId="Web-{6D77151A-8092-42CC-9D1A-5EB0D2FFE086}" dt="2022-11-25T08:30:18.872" v="2"/>
          <ac:picMkLst>
            <pc:docMk/>
            <pc:sldMk cId="2302943270" sldId="353"/>
            <ac:picMk id="19" creationId="{0CB0ECD8-6C62-4A16-BCC9-351E77287C92}"/>
          </ac:picMkLst>
        </pc:picChg>
      </pc:sldChg>
      <pc:sldChg chg="add del replId">
        <pc:chgData name="Lukasz Kutrzuba" userId="S::lukasz.kutrzuba@ericsson.com::362f5cc4-0ca4-4e9d-91a9-91fb4ffaabd5" providerId="AD" clId="Web-{6D77151A-8092-42CC-9D1A-5EB0D2FFE086}" dt="2022-11-25T08:30:24.982" v="6"/>
        <pc:sldMkLst>
          <pc:docMk/>
          <pc:sldMk cId="2562527225" sldId="354"/>
        </pc:sldMkLst>
      </pc:sldChg>
    </pc:docChg>
  </pc:docChgLst>
  <pc:docChgLst>
    <pc:chgData name="Lukasz Kutrzuba" userId="S::lukasz.kutrzuba@ericsson.com::362f5cc4-0ca4-4e9d-91a9-91fb4ffaabd5" providerId="AD" clId="Web-{FFA66943-378E-405A-B289-D5178DBBBC27}"/>
    <pc:docChg chg="modSld">
      <pc:chgData name="Lukasz Kutrzuba" userId="S::lukasz.kutrzuba@ericsson.com::362f5cc4-0ca4-4e9d-91a9-91fb4ffaabd5" providerId="AD" clId="Web-{FFA66943-378E-405A-B289-D5178DBBBC27}" dt="2022-11-30T09:56:47.008" v="10" actId="1076"/>
      <pc:docMkLst>
        <pc:docMk/>
      </pc:docMkLst>
      <pc:sldChg chg="addSp modSp">
        <pc:chgData name="Lukasz Kutrzuba" userId="S::lukasz.kutrzuba@ericsson.com::362f5cc4-0ca4-4e9d-91a9-91fb4ffaabd5" providerId="AD" clId="Web-{FFA66943-378E-405A-B289-D5178DBBBC27}" dt="2022-11-30T09:56:47.008" v="10" actId="1076"/>
        <pc:sldMkLst>
          <pc:docMk/>
          <pc:sldMk cId="1936163950" sldId="295"/>
        </pc:sldMkLst>
        <pc:spChg chg="mod">
          <ac:chgData name="Lukasz Kutrzuba" userId="S::lukasz.kutrzuba@ericsson.com::362f5cc4-0ca4-4e9d-91a9-91fb4ffaabd5" providerId="AD" clId="Web-{FFA66943-378E-405A-B289-D5178DBBBC27}" dt="2022-11-30T09:56:22.850" v="3" actId="1076"/>
          <ac:spMkLst>
            <pc:docMk/>
            <pc:sldMk cId="1936163950" sldId="295"/>
            <ac:spMk id="5" creationId="{4C1A252A-149B-FF9B-7B53-10F2A1AF0A66}"/>
          </ac:spMkLst>
        </pc:spChg>
        <pc:grpChg chg="add mod">
          <ac:chgData name="Lukasz Kutrzuba" userId="S::lukasz.kutrzuba@ericsson.com::362f5cc4-0ca4-4e9d-91a9-91fb4ffaabd5" providerId="AD" clId="Web-{FFA66943-378E-405A-B289-D5178DBBBC27}" dt="2022-11-30T09:56:42.773" v="7" actId="1076"/>
          <ac:grpSpMkLst>
            <pc:docMk/>
            <pc:sldMk cId="1936163950" sldId="295"/>
            <ac:grpSpMk id="3" creationId="{8041B5AA-DF72-BE46-0CC4-7D7535244CFD}"/>
          </ac:grpSpMkLst>
        </pc:grpChg>
        <pc:grpChg chg="mod">
          <ac:chgData name="Lukasz Kutrzuba" userId="S::lukasz.kutrzuba@ericsson.com::362f5cc4-0ca4-4e9d-91a9-91fb4ffaabd5" providerId="AD" clId="Web-{FFA66943-378E-405A-B289-D5178DBBBC27}" dt="2022-11-30T09:56:47.008" v="10" actId="1076"/>
          <ac:grpSpMkLst>
            <pc:docMk/>
            <pc:sldMk cId="1936163950" sldId="295"/>
            <ac:grpSpMk id="6" creationId="{26FB2E20-5CFB-8A84-3D3D-64F47DE33FDC}"/>
          </ac:grpSpMkLst>
        </pc:grpChg>
        <pc:picChg chg="mod">
          <ac:chgData name="Lukasz Kutrzuba" userId="S::lukasz.kutrzuba@ericsson.com::362f5cc4-0ca4-4e9d-91a9-91fb4ffaabd5" providerId="AD" clId="Web-{FFA66943-378E-405A-B289-D5178DBBBC27}" dt="2022-11-30T09:56:44.539" v="8" actId="1076"/>
          <ac:picMkLst>
            <pc:docMk/>
            <pc:sldMk cId="1936163950" sldId="295"/>
            <ac:picMk id="7" creationId="{AF378E94-B71C-293F-6211-34DD1989638A}"/>
          </ac:picMkLst>
        </pc:picChg>
      </pc:sldChg>
    </pc:docChg>
  </pc:docChgLst>
  <pc:docChgLst>
    <pc:chgData name="Lukasz Kutrzuba" userId="S::lukasz.kutrzuba@ericsson.com::362f5cc4-0ca4-4e9d-91a9-91fb4ffaabd5" providerId="AD" clId="Web-{FDE1A837-77E1-4DD5-958E-E68B42B7FD16}"/>
    <pc:docChg chg="sldOrd">
      <pc:chgData name="Lukasz Kutrzuba" userId="S::lukasz.kutrzuba@ericsson.com::362f5cc4-0ca4-4e9d-91a9-91fb4ffaabd5" providerId="AD" clId="Web-{FDE1A837-77E1-4DD5-958E-E68B42B7FD16}" dt="2022-11-25T08:15:15.528" v="2"/>
      <pc:docMkLst>
        <pc:docMk/>
      </pc:docMkLst>
      <pc:sldChg chg="ord">
        <pc:chgData name="Lukasz Kutrzuba" userId="S::lukasz.kutrzuba@ericsson.com::362f5cc4-0ca4-4e9d-91a9-91fb4ffaabd5" providerId="AD" clId="Web-{FDE1A837-77E1-4DD5-958E-E68B42B7FD16}" dt="2022-11-25T08:13:18.524" v="0"/>
        <pc:sldMkLst>
          <pc:docMk/>
          <pc:sldMk cId="2687784262" sldId="348"/>
        </pc:sldMkLst>
      </pc:sldChg>
      <pc:sldChg chg="ord">
        <pc:chgData name="Lukasz Kutrzuba" userId="S::lukasz.kutrzuba@ericsson.com::362f5cc4-0ca4-4e9d-91a9-91fb4ffaabd5" providerId="AD" clId="Web-{FDE1A837-77E1-4DD5-958E-E68B42B7FD16}" dt="2022-11-25T08:13:18.524" v="1"/>
        <pc:sldMkLst>
          <pc:docMk/>
          <pc:sldMk cId="1750462366" sldId="349"/>
        </pc:sldMkLst>
      </pc:sldChg>
      <pc:sldChg chg="ord">
        <pc:chgData name="Lukasz Kutrzuba" userId="S::lukasz.kutrzuba@ericsson.com::362f5cc4-0ca4-4e9d-91a9-91fb4ffaabd5" providerId="AD" clId="Web-{FDE1A837-77E1-4DD5-958E-E68B42B7FD16}" dt="2022-11-25T08:15:15.528" v="2"/>
        <pc:sldMkLst>
          <pc:docMk/>
          <pc:sldMk cId="2688583000" sldId="350"/>
        </pc:sldMkLst>
      </pc:sldChg>
    </pc:docChg>
  </pc:docChgLst>
  <pc:docChgLst>
    <pc:chgData name="Lukasz Kutrzuba" userId="S::lukasz.kutrzuba@ericsson.com::362f5cc4-0ca4-4e9d-91a9-91fb4ffaabd5" providerId="AD" clId="Web-{949E964F-3B70-4119-ACEA-8CA6B1E94C89}"/>
    <pc:docChg chg="addSld modSld">
      <pc:chgData name="Lukasz Kutrzuba" userId="S::lukasz.kutrzuba@ericsson.com::362f5cc4-0ca4-4e9d-91a9-91fb4ffaabd5" providerId="AD" clId="Web-{949E964F-3B70-4119-ACEA-8CA6B1E94C89}" dt="2022-12-02T11:18:39.449" v="123"/>
      <pc:docMkLst>
        <pc:docMk/>
      </pc:docMkLst>
      <pc:sldChg chg="addSp delSp">
        <pc:chgData name="Lukasz Kutrzuba" userId="S::lukasz.kutrzuba@ericsson.com::362f5cc4-0ca4-4e9d-91a9-91fb4ffaabd5" providerId="AD" clId="Web-{949E964F-3B70-4119-ACEA-8CA6B1E94C89}" dt="2022-12-02T10:27:49.948" v="27"/>
        <pc:sldMkLst>
          <pc:docMk/>
          <pc:sldMk cId="916138069" sldId="262"/>
        </pc:sldMkLst>
        <pc:spChg chg="add del">
          <ac:chgData name="Lukasz Kutrzuba" userId="S::lukasz.kutrzuba@ericsson.com::362f5cc4-0ca4-4e9d-91a9-91fb4ffaabd5" providerId="AD" clId="Web-{949E964F-3B70-4119-ACEA-8CA6B1E94C89}" dt="2022-12-02T10:27:45.964" v="26"/>
          <ac:spMkLst>
            <pc:docMk/>
            <pc:sldMk cId="916138069" sldId="262"/>
            <ac:spMk id="5" creationId="{9F099FAB-A55B-580A-A171-CDDF3FBA846F}"/>
          </ac:spMkLst>
        </pc:spChg>
        <pc:spChg chg="add">
          <ac:chgData name="Lukasz Kutrzuba" userId="S::lukasz.kutrzuba@ericsson.com::362f5cc4-0ca4-4e9d-91a9-91fb4ffaabd5" providerId="AD" clId="Web-{949E964F-3B70-4119-ACEA-8CA6B1E94C89}" dt="2022-12-02T10:27:49.948" v="27"/>
          <ac:spMkLst>
            <pc:docMk/>
            <pc:sldMk cId="916138069" sldId="262"/>
            <ac:spMk id="7" creationId="{58367700-6C6D-F71F-7BEA-FE4AB35928EB}"/>
          </ac:spMkLst>
        </pc:spChg>
      </pc:sldChg>
      <pc:sldChg chg="modSp">
        <pc:chgData name="Lukasz Kutrzuba" userId="S::lukasz.kutrzuba@ericsson.com::362f5cc4-0ca4-4e9d-91a9-91fb4ffaabd5" providerId="AD" clId="Web-{949E964F-3B70-4119-ACEA-8CA6B1E94C89}" dt="2022-12-02T11:16:27.337" v="120" actId="20577"/>
        <pc:sldMkLst>
          <pc:docMk/>
          <pc:sldMk cId="3488574956" sldId="264"/>
        </pc:sldMkLst>
        <pc:spChg chg="mod">
          <ac:chgData name="Lukasz Kutrzuba" userId="S::lukasz.kutrzuba@ericsson.com::362f5cc4-0ca4-4e9d-91a9-91fb4ffaabd5" providerId="AD" clId="Web-{949E964F-3B70-4119-ACEA-8CA6B1E94C89}" dt="2022-12-02T11:16:27.337" v="120" actId="20577"/>
          <ac:spMkLst>
            <pc:docMk/>
            <pc:sldMk cId="3488574956" sldId="264"/>
            <ac:spMk id="9" creationId="{BC8328B3-46B9-814A-9805-A5626BF21769}"/>
          </ac:spMkLst>
        </pc:spChg>
      </pc:sldChg>
      <pc:sldChg chg="modSp">
        <pc:chgData name="Lukasz Kutrzuba" userId="S::lukasz.kutrzuba@ericsson.com::362f5cc4-0ca4-4e9d-91a9-91fb4ffaabd5" providerId="AD" clId="Web-{949E964F-3B70-4119-ACEA-8CA6B1E94C89}" dt="2022-12-02T11:08:41.812" v="115" actId="1076"/>
        <pc:sldMkLst>
          <pc:docMk/>
          <pc:sldMk cId="723220155" sldId="281"/>
        </pc:sldMkLst>
        <pc:picChg chg="mod">
          <ac:chgData name="Lukasz Kutrzuba" userId="S::lukasz.kutrzuba@ericsson.com::362f5cc4-0ca4-4e9d-91a9-91fb4ffaabd5" providerId="AD" clId="Web-{949E964F-3B70-4119-ACEA-8CA6B1E94C89}" dt="2022-12-02T11:08:41.812" v="115" actId="1076"/>
          <ac:picMkLst>
            <pc:docMk/>
            <pc:sldMk cId="723220155" sldId="281"/>
            <ac:picMk id="2050" creationId="{CF25A878-EE1B-4B5C-A275-FEC63D76912E}"/>
          </ac:picMkLst>
        </pc:picChg>
        <pc:picChg chg="mod">
          <ac:chgData name="Lukasz Kutrzuba" userId="S::lukasz.kutrzuba@ericsson.com::362f5cc4-0ca4-4e9d-91a9-91fb4ffaabd5" providerId="AD" clId="Web-{949E964F-3B70-4119-ACEA-8CA6B1E94C89}" dt="2022-12-02T11:08:38.749" v="114" actId="14100"/>
          <ac:picMkLst>
            <pc:docMk/>
            <pc:sldMk cId="723220155" sldId="281"/>
            <ac:picMk id="2056" creationId="{E00FAF90-138E-4ACB-BCAA-6475D49A7E2E}"/>
          </ac:picMkLst>
        </pc:picChg>
      </pc:sldChg>
      <pc:sldChg chg="delSp">
        <pc:chgData name="Lukasz Kutrzuba" userId="S::lukasz.kutrzuba@ericsson.com::362f5cc4-0ca4-4e9d-91a9-91fb4ffaabd5" providerId="AD" clId="Web-{949E964F-3B70-4119-ACEA-8CA6B1E94C89}" dt="2022-12-02T10:27:32.510" v="24"/>
        <pc:sldMkLst>
          <pc:docMk/>
          <pc:sldMk cId="1388213951" sldId="293"/>
        </pc:sldMkLst>
        <pc:spChg chg="del">
          <ac:chgData name="Lukasz Kutrzuba" userId="S::lukasz.kutrzuba@ericsson.com::362f5cc4-0ca4-4e9d-91a9-91fb4ffaabd5" providerId="AD" clId="Web-{949E964F-3B70-4119-ACEA-8CA6B1E94C89}" dt="2022-12-02T10:27:32.510" v="24"/>
          <ac:spMkLst>
            <pc:docMk/>
            <pc:sldMk cId="1388213951" sldId="293"/>
            <ac:spMk id="7" creationId="{D42EF92B-7F9C-C865-64A4-664C650E2D71}"/>
          </ac:spMkLst>
        </pc:spChg>
        <pc:spChg chg="del">
          <ac:chgData name="Lukasz Kutrzuba" userId="S::lukasz.kutrzuba@ericsson.com::362f5cc4-0ca4-4e9d-91a9-91fb4ffaabd5" providerId="AD" clId="Web-{949E964F-3B70-4119-ACEA-8CA6B1E94C89}" dt="2022-12-02T10:27:31.620" v="23"/>
          <ac:spMkLst>
            <pc:docMk/>
            <pc:sldMk cId="1388213951" sldId="293"/>
            <ac:spMk id="19" creationId="{A6E520C8-67E6-B8B6-3C3E-5E01368E7FC8}"/>
          </ac:spMkLst>
        </pc:spChg>
        <pc:spChg chg="del">
          <ac:chgData name="Lukasz Kutrzuba" userId="S::lukasz.kutrzuba@ericsson.com::362f5cc4-0ca4-4e9d-91a9-91fb4ffaabd5" providerId="AD" clId="Web-{949E964F-3B70-4119-ACEA-8CA6B1E94C89}" dt="2022-12-02T10:27:30.729" v="22"/>
          <ac:spMkLst>
            <pc:docMk/>
            <pc:sldMk cId="1388213951" sldId="293"/>
            <ac:spMk id="24" creationId="{8CC74FCC-F0F3-9B97-F618-A5DC2A047F1B}"/>
          </ac:spMkLst>
        </pc:spChg>
      </pc:sldChg>
      <pc:sldChg chg="addSp delSp">
        <pc:chgData name="Lukasz Kutrzuba" userId="S::lukasz.kutrzuba@ericsson.com::362f5cc4-0ca4-4e9d-91a9-91fb4ffaabd5" providerId="AD" clId="Web-{949E964F-3B70-4119-ACEA-8CA6B1E94C89}" dt="2022-12-02T10:28:49.606" v="33"/>
        <pc:sldMkLst>
          <pc:docMk/>
          <pc:sldMk cId="928204253" sldId="310"/>
        </pc:sldMkLst>
        <pc:spChg chg="add">
          <ac:chgData name="Lukasz Kutrzuba" userId="S::lukasz.kutrzuba@ericsson.com::362f5cc4-0ca4-4e9d-91a9-91fb4ffaabd5" providerId="AD" clId="Web-{949E964F-3B70-4119-ACEA-8CA6B1E94C89}" dt="2022-12-02T10:28:49.606" v="33"/>
          <ac:spMkLst>
            <pc:docMk/>
            <pc:sldMk cId="928204253" sldId="310"/>
            <ac:spMk id="5" creationId="{803981CD-73DE-9EEB-14B9-B2518017932E}"/>
          </ac:spMkLst>
        </pc:spChg>
        <pc:spChg chg="del">
          <ac:chgData name="Lukasz Kutrzuba" userId="S::lukasz.kutrzuba@ericsson.com::362f5cc4-0ca4-4e9d-91a9-91fb4ffaabd5" providerId="AD" clId="Web-{949E964F-3B70-4119-ACEA-8CA6B1E94C89}" dt="2022-12-02T10:28:49.199" v="32"/>
          <ac:spMkLst>
            <pc:docMk/>
            <pc:sldMk cId="928204253" sldId="310"/>
            <ac:spMk id="15" creationId="{F63D05AF-ECC7-49DC-91D7-8AFF3270E389}"/>
          </ac:spMkLst>
        </pc:spChg>
        <pc:spChg chg="del">
          <ac:chgData name="Lukasz Kutrzuba" userId="S::lukasz.kutrzuba@ericsson.com::362f5cc4-0ca4-4e9d-91a9-91fb4ffaabd5" providerId="AD" clId="Web-{949E964F-3B70-4119-ACEA-8CA6B1E94C89}" dt="2022-12-02T10:28:49.199" v="31"/>
          <ac:spMkLst>
            <pc:docMk/>
            <pc:sldMk cId="928204253" sldId="310"/>
            <ac:spMk id="16" creationId="{509BD31F-3C12-4F4F-B6D0-B4C87530098D}"/>
          </ac:spMkLst>
        </pc:spChg>
      </pc:sldChg>
      <pc:sldChg chg="modSp">
        <pc:chgData name="Lukasz Kutrzuba" userId="S::lukasz.kutrzuba@ericsson.com::362f5cc4-0ca4-4e9d-91a9-91fb4ffaabd5" providerId="AD" clId="Web-{949E964F-3B70-4119-ACEA-8CA6B1E94C89}" dt="2022-12-02T10:23:39.505" v="1" actId="1076"/>
        <pc:sldMkLst>
          <pc:docMk/>
          <pc:sldMk cId="4027915597" sldId="321"/>
        </pc:sldMkLst>
        <pc:spChg chg="mod">
          <ac:chgData name="Lukasz Kutrzuba" userId="S::lukasz.kutrzuba@ericsson.com::362f5cc4-0ca4-4e9d-91a9-91fb4ffaabd5" providerId="AD" clId="Web-{949E964F-3B70-4119-ACEA-8CA6B1E94C89}" dt="2022-12-02T10:23:39.505" v="1" actId="1076"/>
          <ac:spMkLst>
            <pc:docMk/>
            <pc:sldMk cId="4027915597" sldId="321"/>
            <ac:spMk id="8" creationId="{77F01F4E-3FEC-4D34-83B4-215A2BAD333C}"/>
          </ac:spMkLst>
        </pc:spChg>
        <pc:picChg chg="mod">
          <ac:chgData name="Lukasz Kutrzuba" userId="S::lukasz.kutrzuba@ericsson.com::362f5cc4-0ca4-4e9d-91a9-91fb4ffaabd5" providerId="AD" clId="Web-{949E964F-3B70-4119-ACEA-8CA6B1E94C89}" dt="2022-12-02T10:23:35.568" v="0" actId="1076"/>
          <ac:picMkLst>
            <pc:docMk/>
            <pc:sldMk cId="4027915597" sldId="321"/>
            <ac:picMk id="7" creationId="{0266B968-5A35-43AF-9260-C2187969128D}"/>
          </ac:picMkLst>
        </pc:picChg>
      </pc:sldChg>
      <pc:sldChg chg="modSp">
        <pc:chgData name="Lukasz Kutrzuba" userId="S::lukasz.kutrzuba@ericsson.com::362f5cc4-0ca4-4e9d-91a9-91fb4ffaabd5" providerId="AD" clId="Web-{949E964F-3B70-4119-ACEA-8CA6B1E94C89}" dt="2022-12-02T10:47:14.925" v="34" actId="1076"/>
        <pc:sldMkLst>
          <pc:docMk/>
          <pc:sldMk cId="3804979791" sldId="322"/>
        </pc:sldMkLst>
        <pc:picChg chg="mod">
          <ac:chgData name="Lukasz Kutrzuba" userId="S::lukasz.kutrzuba@ericsson.com::362f5cc4-0ca4-4e9d-91a9-91fb4ffaabd5" providerId="AD" clId="Web-{949E964F-3B70-4119-ACEA-8CA6B1E94C89}" dt="2022-12-02T10:47:14.925" v="34" actId="1076"/>
          <ac:picMkLst>
            <pc:docMk/>
            <pc:sldMk cId="3804979791" sldId="322"/>
            <ac:picMk id="7" creationId="{DF07C60E-6D65-4F20-8EDF-2565D66F2306}"/>
          </ac:picMkLst>
        </pc:picChg>
      </pc:sldChg>
      <pc:sldChg chg="addSp">
        <pc:chgData name="Lukasz Kutrzuba" userId="S::lukasz.kutrzuba@ericsson.com::362f5cc4-0ca4-4e9d-91a9-91fb4ffaabd5" providerId="AD" clId="Web-{949E964F-3B70-4119-ACEA-8CA6B1E94C89}" dt="2022-12-02T10:23:47.880" v="2"/>
        <pc:sldMkLst>
          <pc:docMk/>
          <pc:sldMk cId="2598946590" sldId="323"/>
        </pc:sldMkLst>
        <pc:spChg chg="add">
          <ac:chgData name="Lukasz Kutrzuba" userId="S::lukasz.kutrzuba@ericsson.com::362f5cc4-0ca4-4e9d-91a9-91fb4ffaabd5" providerId="AD" clId="Web-{949E964F-3B70-4119-ACEA-8CA6B1E94C89}" dt="2022-12-02T10:23:47.880" v="2"/>
          <ac:spMkLst>
            <pc:docMk/>
            <pc:sldMk cId="2598946590" sldId="323"/>
            <ac:spMk id="5" creationId="{FD20E76C-50B7-340A-52A4-206194D026E2}"/>
          </ac:spMkLst>
        </pc:spChg>
      </pc:sldChg>
      <pc:sldChg chg="modSp">
        <pc:chgData name="Lukasz Kutrzuba" userId="S::lukasz.kutrzuba@ericsson.com::362f5cc4-0ca4-4e9d-91a9-91fb4ffaabd5" providerId="AD" clId="Web-{949E964F-3B70-4119-ACEA-8CA6B1E94C89}" dt="2022-12-02T10:49:14.006" v="36" actId="20577"/>
        <pc:sldMkLst>
          <pc:docMk/>
          <pc:sldMk cId="2824569955" sldId="328"/>
        </pc:sldMkLst>
        <pc:spChg chg="mod">
          <ac:chgData name="Lukasz Kutrzuba" userId="S::lukasz.kutrzuba@ericsson.com::362f5cc4-0ca4-4e9d-91a9-91fb4ffaabd5" providerId="AD" clId="Web-{949E964F-3B70-4119-ACEA-8CA6B1E94C89}" dt="2022-12-02T10:49:14.006" v="36" actId="20577"/>
          <ac:spMkLst>
            <pc:docMk/>
            <pc:sldMk cId="2824569955" sldId="328"/>
            <ac:spMk id="12" creationId="{4FFB8876-A80B-45BF-B457-69F329D40EAB}"/>
          </ac:spMkLst>
        </pc:spChg>
        <pc:picChg chg="mod">
          <ac:chgData name="Lukasz Kutrzuba" userId="S::lukasz.kutrzuba@ericsson.com::362f5cc4-0ca4-4e9d-91a9-91fb4ffaabd5" providerId="AD" clId="Web-{949E964F-3B70-4119-ACEA-8CA6B1E94C89}" dt="2022-12-02T10:48:46.943" v="35" actId="1076"/>
          <ac:picMkLst>
            <pc:docMk/>
            <pc:sldMk cId="2824569955" sldId="328"/>
            <ac:picMk id="7" creationId="{DF07C60E-6D65-4F20-8EDF-2565D66F2306}"/>
          </ac:picMkLst>
        </pc:picChg>
      </pc:sldChg>
      <pc:sldChg chg="mod modShow">
        <pc:chgData name="Lukasz Kutrzuba" userId="S::lukasz.kutrzuba@ericsson.com::362f5cc4-0ca4-4e9d-91a9-91fb4ffaabd5" providerId="AD" clId="Web-{949E964F-3B70-4119-ACEA-8CA6B1E94C89}" dt="2022-12-02T11:17:18.025" v="121"/>
        <pc:sldMkLst>
          <pc:docMk/>
          <pc:sldMk cId="3242329092" sldId="329"/>
        </pc:sldMkLst>
      </pc:sldChg>
      <pc:sldChg chg="modSp mod modShow">
        <pc:chgData name="Lukasz Kutrzuba" userId="S::lukasz.kutrzuba@ericsson.com::362f5cc4-0ca4-4e9d-91a9-91fb4ffaabd5" providerId="AD" clId="Web-{949E964F-3B70-4119-ACEA-8CA6B1E94C89}" dt="2022-12-02T11:18:14.605" v="122"/>
        <pc:sldMkLst>
          <pc:docMk/>
          <pc:sldMk cId="1899471179" sldId="330"/>
        </pc:sldMkLst>
        <pc:spChg chg="mod">
          <ac:chgData name="Lukasz Kutrzuba" userId="S::lukasz.kutrzuba@ericsson.com::362f5cc4-0ca4-4e9d-91a9-91fb4ffaabd5" providerId="AD" clId="Web-{949E964F-3B70-4119-ACEA-8CA6B1E94C89}" dt="2022-12-02T10:58:44.393" v="104" actId="20577"/>
          <ac:spMkLst>
            <pc:docMk/>
            <pc:sldMk cId="1899471179" sldId="330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949E964F-3B70-4119-ACEA-8CA6B1E94C89}" dt="2022-12-02T11:04:44.354" v="108" actId="14100"/>
        <pc:sldMkLst>
          <pc:docMk/>
          <pc:sldMk cId="2638026190" sldId="333"/>
        </pc:sldMkLst>
        <pc:spChg chg="mod">
          <ac:chgData name="Lukasz Kutrzuba" userId="S::lukasz.kutrzuba@ericsson.com::362f5cc4-0ca4-4e9d-91a9-91fb4ffaabd5" providerId="AD" clId="Web-{949E964F-3B70-4119-ACEA-8CA6B1E94C89}" dt="2022-12-02T11:04:35.463" v="106" actId="20577"/>
          <ac:spMkLst>
            <pc:docMk/>
            <pc:sldMk cId="2638026190" sldId="333"/>
            <ac:spMk id="12" creationId="{4FFB8876-A80B-45BF-B457-69F329D40EAB}"/>
          </ac:spMkLst>
        </pc:spChg>
        <pc:picChg chg="mod">
          <ac:chgData name="Lukasz Kutrzuba" userId="S::lukasz.kutrzuba@ericsson.com::362f5cc4-0ca4-4e9d-91a9-91fb4ffaabd5" providerId="AD" clId="Web-{949E964F-3B70-4119-ACEA-8CA6B1E94C89}" dt="2022-12-02T11:04:44.354" v="108" actId="14100"/>
          <ac:picMkLst>
            <pc:docMk/>
            <pc:sldMk cId="2638026190" sldId="333"/>
            <ac:picMk id="6" creationId="{99F996D1-D8CA-48A2-B1C7-D73959D0F1AA}"/>
          </ac:picMkLst>
        </pc:picChg>
      </pc:sldChg>
      <pc:sldChg chg="modSp">
        <pc:chgData name="Lukasz Kutrzuba" userId="S::lukasz.kutrzuba@ericsson.com::362f5cc4-0ca4-4e9d-91a9-91fb4ffaabd5" providerId="AD" clId="Web-{949E964F-3B70-4119-ACEA-8CA6B1E94C89}" dt="2022-12-02T10:26:09.399" v="17" actId="14100"/>
        <pc:sldMkLst>
          <pc:docMk/>
          <pc:sldMk cId="1175326131" sldId="334"/>
        </pc:sldMkLst>
        <pc:picChg chg="mod">
          <ac:chgData name="Lukasz Kutrzuba" userId="S::lukasz.kutrzuba@ericsson.com::362f5cc4-0ca4-4e9d-91a9-91fb4ffaabd5" providerId="AD" clId="Web-{949E964F-3B70-4119-ACEA-8CA6B1E94C89}" dt="2022-12-02T10:26:09.399" v="17" actId="14100"/>
          <ac:picMkLst>
            <pc:docMk/>
            <pc:sldMk cId="1175326131" sldId="334"/>
            <ac:picMk id="5" creationId="{570F9402-CD0A-C426-0DF8-64CA7D04025A}"/>
          </ac:picMkLst>
        </pc:picChg>
      </pc:sldChg>
      <pc:sldChg chg="modSp">
        <pc:chgData name="Lukasz Kutrzuba" userId="S::lukasz.kutrzuba@ericsson.com::362f5cc4-0ca4-4e9d-91a9-91fb4ffaabd5" providerId="AD" clId="Web-{949E964F-3B70-4119-ACEA-8CA6B1E94C89}" dt="2022-12-02T11:06:17.074" v="112" actId="1076"/>
        <pc:sldMkLst>
          <pc:docMk/>
          <pc:sldMk cId="2346479200" sldId="335"/>
        </pc:sldMkLst>
        <pc:spChg chg="mod">
          <ac:chgData name="Lukasz Kutrzuba" userId="S::lukasz.kutrzuba@ericsson.com::362f5cc4-0ca4-4e9d-91a9-91fb4ffaabd5" providerId="AD" clId="Web-{949E964F-3B70-4119-ACEA-8CA6B1E94C89}" dt="2022-12-02T11:06:11.668" v="110" actId="1076"/>
          <ac:spMkLst>
            <pc:docMk/>
            <pc:sldMk cId="2346479200" sldId="335"/>
            <ac:spMk id="8" creationId="{FC5AE6A3-37F6-429B-8CF4-37EA0D1BF7F5}"/>
          </ac:spMkLst>
        </pc:spChg>
        <pc:spChg chg="mod">
          <ac:chgData name="Lukasz Kutrzuba" userId="S::lukasz.kutrzuba@ericsson.com::362f5cc4-0ca4-4e9d-91a9-91fb4ffaabd5" providerId="AD" clId="Web-{949E964F-3B70-4119-ACEA-8CA6B1E94C89}" dt="2022-12-02T11:06:17.074" v="112" actId="1076"/>
          <ac:spMkLst>
            <pc:docMk/>
            <pc:sldMk cId="2346479200" sldId="335"/>
            <ac:spMk id="9" creationId="{D3BD5D2F-C6D8-4537-A146-520F33C0A7A2}"/>
          </ac:spMkLst>
        </pc:spChg>
        <pc:spChg chg="mod">
          <ac:chgData name="Lukasz Kutrzuba" userId="S::lukasz.kutrzuba@ericsson.com::362f5cc4-0ca4-4e9d-91a9-91fb4ffaabd5" providerId="AD" clId="Web-{949E964F-3B70-4119-ACEA-8CA6B1E94C89}" dt="2022-12-02T11:06:14.965" v="111" actId="1076"/>
          <ac:spMkLst>
            <pc:docMk/>
            <pc:sldMk cId="2346479200" sldId="335"/>
            <ac:spMk id="11" creationId="{89A964BF-B673-42C1-B1D8-843D9A4A8EC1}"/>
          </ac:spMkLst>
        </pc:spChg>
      </pc:sldChg>
      <pc:sldChg chg="modSp">
        <pc:chgData name="Lukasz Kutrzuba" userId="S::lukasz.kutrzuba@ericsson.com::362f5cc4-0ca4-4e9d-91a9-91fb4ffaabd5" providerId="AD" clId="Web-{949E964F-3B70-4119-ACEA-8CA6B1E94C89}" dt="2022-12-02T11:09:43.328" v="116" actId="1076"/>
        <pc:sldMkLst>
          <pc:docMk/>
          <pc:sldMk cId="3087742105" sldId="336"/>
        </pc:sldMkLst>
        <pc:spChg chg="mod">
          <ac:chgData name="Lukasz Kutrzuba" userId="S::lukasz.kutrzuba@ericsson.com::362f5cc4-0ca4-4e9d-91a9-91fb4ffaabd5" providerId="AD" clId="Web-{949E964F-3B70-4119-ACEA-8CA6B1E94C89}" dt="2022-12-02T11:09:43.328" v="116" actId="1076"/>
          <ac:spMkLst>
            <pc:docMk/>
            <pc:sldMk cId="3087742105" sldId="336"/>
            <ac:spMk id="7" creationId="{FA32FE5D-42CF-43EA-A68F-44E5B3E2252B}"/>
          </ac:spMkLst>
        </pc:spChg>
      </pc:sldChg>
      <pc:sldChg chg="modSp">
        <pc:chgData name="Lukasz Kutrzuba" userId="S::lukasz.kutrzuba@ericsson.com::362f5cc4-0ca4-4e9d-91a9-91fb4ffaabd5" providerId="AD" clId="Web-{949E964F-3B70-4119-ACEA-8CA6B1E94C89}" dt="2022-12-02T11:11:34.721" v="118" actId="1076"/>
        <pc:sldMkLst>
          <pc:docMk/>
          <pc:sldMk cId="35131068" sldId="337"/>
        </pc:sldMkLst>
        <pc:picChg chg="mod">
          <ac:chgData name="Lukasz Kutrzuba" userId="S::lukasz.kutrzuba@ericsson.com::362f5cc4-0ca4-4e9d-91a9-91fb4ffaabd5" providerId="AD" clId="Web-{949E964F-3B70-4119-ACEA-8CA6B1E94C89}" dt="2022-12-02T11:11:34.721" v="118" actId="1076"/>
          <ac:picMkLst>
            <pc:docMk/>
            <pc:sldMk cId="35131068" sldId="337"/>
            <ac:picMk id="5" creationId="{A5AE9A7F-94E7-41EC-8641-3F2E645D38E3}"/>
          </ac:picMkLst>
        </pc:picChg>
      </pc:sldChg>
      <pc:sldChg chg="addSp modSp mod modShow">
        <pc:chgData name="Lukasz Kutrzuba" userId="S::lukasz.kutrzuba@ericsson.com::362f5cc4-0ca4-4e9d-91a9-91fb4ffaabd5" providerId="AD" clId="Web-{949E964F-3B70-4119-ACEA-8CA6B1E94C89}" dt="2022-12-02T10:56:14.437" v="41"/>
        <pc:sldMkLst>
          <pc:docMk/>
          <pc:sldMk cId="3782316902" sldId="340"/>
        </pc:sldMkLst>
        <pc:spChg chg="add mod">
          <ac:chgData name="Lukasz Kutrzuba" userId="S::lukasz.kutrzuba@ericsson.com::362f5cc4-0ca4-4e9d-91a9-91fb4ffaabd5" providerId="AD" clId="Web-{949E964F-3B70-4119-ACEA-8CA6B1E94C89}" dt="2022-12-02T10:25:07.523" v="14" actId="14100"/>
          <ac:spMkLst>
            <pc:docMk/>
            <pc:sldMk cId="3782316902" sldId="340"/>
            <ac:spMk id="3" creationId="{8E38F0FE-BF63-56DA-DA43-1C5AF1DBCFE9}"/>
          </ac:spMkLst>
        </pc:spChg>
        <pc:spChg chg="mod">
          <ac:chgData name="Lukasz Kutrzuba" userId="S::lukasz.kutrzuba@ericsson.com::362f5cc4-0ca4-4e9d-91a9-91fb4ffaabd5" providerId="AD" clId="Web-{949E964F-3B70-4119-ACEA-8CA6B1E94C89}" dt="2022-12-02T10:24:36.428" v="9" actId="14100"/>
          <ac:spMkLst>
            <pc:docMk/>
            <pc:sldMk cId="3782316902" sldId="340"/>
            <ac:spMk id="24" creationId="{3A465236-6C3F-4954-9C2F-A3ECD73CC549}"/>
          </ac:spMkLst>
        </pc:spChg>
        <pc:spChg chg="mod">
          <ac:chgData name="Lukasz Kutrzuba" userId="S::lukasz.kutrzuba@ericsson.com::362f5cc4-0ca4-4e9d-91a9-91fb4ffaabd5" providerId="AD" clId="Web-{949E964F-3B70-4119-ACEA-8CA6B1E94C89}" dt="2022-12-02T10:24:36.444" v="10" actId="14100"/>
          <ac:spMkLst>
            <pc:docMk/>
            <pc:sldMk cId="3782316902" sldId="340"/>
            <ac:spMk id="25" creationId="{60F15A7B-D294-4F18-BF2A-5EB9BB492A0B}"/>
          </ac:spMkLst>
        </pc:spChg>
        <pc:picChg chg="mod">
          <ac:chgData name="Lukasz Kutrzuba" userId="S::lukasz.kutrzuba@ericsson.com::362f5cc4-0ca4-4e9d-91a9-91fb4ffaabd5" providerId="AD" clId="Web-{949E964F-3B70-4119-ACEA-8CA6B1E94C89}" dt="2022-12-02T10:24:36.413" v="7" actId="14100"/>
          <ac:picMkLst>
            <pc:docMk/>
            <pc:sldMk cId="3782316902" sldId="340"/>
            <ac:picMk id="4098" creationId="{E8063952-2D4F-4148-9AB2-29AEF357A4BC}"/>
          </ac:picMkLst>
        </pc:picChg>
        <pc:picChg chg="mod">
          <ac:chgData name="Lukasz Kutrzuba" userId="S::lukasz.kutrzuba@ericsson.com::362f5cc4-0ca4-4e9d-91a9-91fb4ffaabd5" providerId="AD" clId="Web-{949E964F-3B70-4119-ACEA-8CA6B1E94C89}" dt="2022-12-02T10:24:36.413" v="8" actId="14100"/>
          <ac:picMkLst>
            <pc:docMk/>
            <pc:sldMk cId="3782316902" sldId="340"/>
            <ac:picMk id="4100" creationId="{3546344B-CFDF-4D08-944F-E78585528587}"/>
          </ac:picMkLst>
        </pc:picChg>
      </pc:sldChg>
      <pc:sldChg chg="modSp">
        <pc:chgData name="Lukasz Kutrzuba" userId="S::lukasz.kutrzuba@ericsson.com::362f5cc4-0ca4-4e9d-91a9-91fb4ffaabd5" providerId="AD" clId="Web-{949E964F-3B70-4119-ACEA-8CA6B1E94C89}" dt="2022-12-02T10:50:19.507" v="40" actId="1076"/>
        <pc:sldMkLst>
          <pc:docMk/>
          <pc:sldMk cId="342573162" sldId="341"/>
        </pc:sldMkLst>
        <pc:picChg chg="mod">
          <ac:chgData name="Lukasz Kutrzuba" userId="S::lukasz.kutrzuba@ericsson.com::362f5cc4-0ca4-4e9d-91a9-91fb4ffaabd5" providerId="AD" clId="Web-{949E964F-3B70-4119-ACEA-8CA6B1E94C89}" dt="2022-12-02T10:50:19.507" v="40" actId="1076"/>
          <ac:picMkLst>
            <pc:docMk/>
            <pc:sldMk cId="342573162" sldId="341"/>
            <ac:picMk id="6" creationId="{98858903-F73C-49AB-A496-48D09A608008}"/>
          </ac:picMkLst>
        </pc:picChg>
      </pc:sldChg>
      <pc:sldChg chg="modSp">
        <pc:chgData name="Lukasz Kutrzuba" userId="S::lukasz.kutrzuba@ericsson.com::362f5cc4-0ca4-4e9d-91a9-91fb4ffaabd5" providerId="AD" clId="Web-{949E964F-3B70-4119-ACEA-8CA6B1E94C89}" dt="2022-12-02T10:26:48.791" v="18" actId="1076"/>
        <pc:sldMkLst>
          <pc:docMk/>
          <pc:sldMk cId="2955266038" sldId="343"/>
        </pc:sldMkLst>
        <pc:picChg chg="mod">
          <ac:chgData name="Lukasz Kutrzuba" userId="S::lukasz.kutrzuba@ericsson.com::362f5cc4-0ca4-4e9d-91a9-91fb4ffaabd5" providerId="AD" clId="Web-{949E964F-3B70-4119-ACEA-8CA6B1E94C89}" dt="2022-12-02T10:26:48.791" v="18" actId="1076"/>
          <ac:picMkLst>
            <pc:docMk/>
            <pc:sldMk cId="2955266038" sldId="343"/>
            <ac:picMk id="8" creationId="{BCA0BD10-660F-4FD4-A86B-73ADB0189696}"/>
          </ac:picMkLst>
        </pc:picChg>
      </pc:sldChg>
      <pc:sldChg chg="addSp modSp">
        <pc:chgData name="Lukasz Kutrzuba" userId="S::lukasz.kutrzuba@ericsson.com::362f5cc4-0ca4-4e9d-91a9-91fb4ffaabd5" providerId="AD" clId="Web-{949E964F-3B70-4119-ACEA-8CA6B1E94C89}" dt="2022-12-02T10:26:54.869" v="20" actId="14100"/>
        <pc:sldMkLst>
          <pc:docMk/>
          <pc:sldMk cId="4002805510" sldId="344"/>
        </pc:sldMkLst>
        <pc:spChg chg="add">
          <ac:chgData name="Lukasz Kutrzuba" userId="S::lukasz.kutrzuba@ericsson.com::362f5cc4-0ca4-4e9d-91a9-91fb4ffaabd5" providerId="AD" clId="Web-{949E964F-3B70-4119-ACEA-8CA6B1E94C89}" dt="2022-12-02T10:26:52.025" v="19"/>
          <ac:spMkLst>
            <pc:docMk/>
            <pc:sldMk cId="4002805510" sldId="344"/>
            <ac:spMk id="3" creationId="{CFD72E17-DE4A-C261-C0AE-37180475B5B7}"/>
          </ac:spMkLst>
        </pc:spChg>
        <pc:picChg chg="mod">
          <ac:chgData name="Lukasz Kutrzuba" userId="S::lukasz.kutrzuba@ericsson.com::362f5cc4-0ca4-4e9d-91a9-91fb4ffaabd5" providerId="AD" clId="Web-{949E964F-3B70-4119-ACEA-8CA6B1E94C89}" dt="2022-12-02T10:26:54.869" v="20" actId="14100"/>
          <ac:picMkLst>
            <pc:docMk/>
            <pc:sldMk cId="4002805510" sldId="344"/>
            <ac:picMk id="7" creationId="{555996FF-15F2-4FC2-97FA-849EECBBCD16}"/>
          </ac:picMkLst>
        </pc:picChg>
      </pc:sldChg>
      <pc:sldChg chg="modSp">
        <pc:chgData name="Lukasz Kutrzuba" userId="S::lukasz.kutrzuba@ericsson.com::362f5cc4-0ca4-4e9d-91a9-91fb4ffaabd5" providerId="AD" clId="Web-{949E964F-3B70-4119-ACEA-8CA6B1E94C89}" dt="2022-12-02T10:27:00.244" v="21" actId="1076"/>
        <pc:sldMkLst>
          <pc:docMk/>
          <pc:sldMk cId="3798198235" sldId="346"/>
        </pc:sldMkLst>
        <pc:picChg chg="mod">
          <ac:chgData name="Lukasz Kutrzuba" userId="S::lukasz.kutrzuba@ericsson.com::362f5cc4-0ca4-4e9d-91a9-91fb4ffaabd5" providerId="AD" clId="Web-{949E964F-3B70-4119-ACEA-8CA6B1E94C89}" dt="2022-12-02T10:27:00.244" v="21" actId="1076"/>
          <ac:picMkLst>
            <pc:docMk/>
            <pc:sldMk cId="3798198235" sldId="346"/>
            <ac:picMk id="9" creationId="{0AD4688E-8F17-4596-90D8-2820A3C6BE86}"/>
          </ac:picMkLst>
        </pc:picChg>
      </pc:sldChg>
      <pc:sldChg chg="modSp">
        <pc:chgData name="Lukasz Kutrzuba" userId="S::lukasz.kutrzuba@ericsson.com::362f5cc4-0ca4-4e9d-91a9-91fb4ffaabd5" providerId="AD" clId="Web-{949E964F-3B70-4119-ACEA-8CA6B1E94C89}" dt="2022-12-02T10:59:25.738" v="105" actId="1076"/>
        <pc:sldMkLst>
          <pc:docMk/>
          <pc:sldMk cId="2628259242" sldId="356"/>
        </pc:sldMkLst>
        <pc:spChg chg="mod">
          <ac:chgData name="Lukasz Kutrzuba" userId="S::lukasz.kutrzuba@ericsson.com::362f5cc4-0ca4-4e9d-91a9-91fb4ffaabd5" providerId="AD" clId="Web-{949E964F-3B70-4119-ACEA-8CA6B1E94C89}" dt="2022-12-02T10:59:25.738" v="105" actId="1076"/>
          <ac:spMkLst>
            <pc:docMk/>
            <pc:sldMk cId="2628259242" sldId="356"/>
            <ac:spMk id="8" creationId="{42BB9A99-C80D-4C2C-9EC7-30D6A3EAA4E9}"/>
          </ac:spMkLst>
        </pc:spChg>
        <pc:graphicFrameChg chg="modGraphic">
          <ac:chgData name="Lukasz Kutrzuba" userId="S::lukasz.kutrzuba@ericsson.com::362f5cc4-0ca4-4e9d-91a9-91fb4ffaabd5" providerId="AD" clId="Web-{949E964F-3B70-4119-ACEA-8CA6B1E94C89}" dt="2022-12-02T10:24:59.257" v="13"/>
          <ac:graphicFrameMkLst>
            <pc:docMk/>
            <pc:sldMk cId="2628259242" sldId="356"/>
            <ac:graphicFrameMk id="2" creationId="{C73CA138-ED97-40BC-0A94-EC6657FC7642}"/>
          </ac:graphicFrameMkLst>
        </pc:graphicFrameChg>
      </pc:sldChg>
      <pc:sldChg chg="mod modShow">
        <pc:chgData name="Lukasz Kutrzuba" userId="S::lukasz.kutrzuba@ericsson.com::362f5cc4-0ca4-4e9d-91a9-91fb4ffaabd5" providerId="AD" clId="Web-{949E964F-3B70-4119-ACEA-8CA6B1E94C89}" dt="2022-12-02T11:10:09.657" v="117"/>
        <pc:sldMkLst>
          <pc:docMk/>
          <pc:sldMk cId="1759048658" sldId="357"/>
        </pc:sldMkLst>
      </pc:sldChg>
      <pc:sldChg chg="addSp">
        <pc:chgData name="Lukasz Kutrzuba" userId="S::lukasz.kutrzuba@ericsson.com::362f5cc4-0ca4-4e9d-91a9-91fb4ffaabd5" providerId="AD" clId="Web-{949E964F-3B70-4119-ACEA-8CA6B1E94C89}" dt="2022-12-02T10:28:38.855" v="30"/>
        <pc:sldMkLst>
          <pc:docMk/>
          <pc:sldMk cId="3477690341" sldId="359"/>
        </pc:sldMkLst>
        <pc:spChg chg="add">
          <ac:chgData name="Lukasz Kutrzuba" userId="S::lukasz.kutrzuba@ericsson.com::362f5cc4-0ca4-4e9d-91a9-91fb4ffaabd5" providerId="AD" clId="Web-{949E964F-3B70-4119-ACEA-8CA6B1E94C89}" dt="2022-12-02T10:28:38.855" v="30"/>
          <ac:spMkLst>
            <pc:docMk/>
            <pc:sldMk cId="3477690341" sldId="359"/>
            <ac:spMk id="3" creationId="{33FE183A-016C-0206-F5A7-C64E85102AED}"/>
          </ac:spMkLst>
        </pc:spChg>
      </pc:sldChg>
      <pc:sldChg chg="addSp modSp">
        <pc:chgData name="Lukasz Kutrzuba" userId="S::lukasz.kutrzuba@ericsson.com::362f5cc4-0ca4-4e9d-91a9-91fb4ffaabd5" providerId="AD" clId="Web-{949E964F-3B70-4119-ACEA-8CA6B1E94C89}" dt="2022-12-02T10:25:20.117" v="16" actId="14100"/>
        <pc:sldMkLst>
          <pc:docMk/>
          <pc:sldMk cId="3253330224" sldId="376"/>
        </pc:sldMkLst>
        <pc:spChg chg="add mod">
          <ac:chgData name="Lukasz Kutrzuba" userId="S::lukasz.kutrzuba@ericsson.com::362f5cc4-0ca4-4e9d-91a9-91fb4ffaabd5" providerId="AD" clId="Web-{949E964F-3B70-4119-ACEA-8CA6B1E94C89}" dt="2022-12-02T10:25:20.117" v="16" actId="14100"/>
          <ac:spMkLst>
            <pc:docMk/>
            <pc:sldMk cId="3253330224" sldId="376"/>
            <ac:spMk id="4" creationId="{386AD299-C7CF-26E6-FB3C-70C5DE2860CF}"/>
          </ac:spMkLst>
        </pc:spChg>
      </pc:sldChg>
      <pc:sldChg chg="addSp delSp">
        <pc:chgData name="Lukasz Kutrzuba" userId="S::lukasz.kutrzuba@ericsson.com::362f5cc4-0ca4-4e9d-91a9-91fb4ffaabd5" providerId="AD" clId="Web-{949E964F-3B70-4119-ACEA-8CA6B1E94C89}" dt="2022-12-02T10:28:34.449" v="29"/>
        <pc:sldMkLst>
          <pc:docMk/>
          <pc:sldMk cId="805032094" sldId="379"/>
        </pc:sldMkLst>
        <pc:spChg chg="add">
          <ac:chgData name="Lukasz Kutrzuba" userId="S::lukasz.kutrzuba@ericsson.com::362f5cc4-0ca4-4e9d-91a9-91fb4ffaabd5" providerId="AD" clId="Web-{949E964F-3B70-4119-ACEA-8CA6B1E94C89}" dt="2022-12-02T10:28:34.449" v="29"/>
          <ac:spMkLst>
            <pc:docMk/>
            <pc:sldMk cId="805032094" sldId="379"/>
            <ac:spMk id="5" creationId="{B57D74A9-4850-C903-8495-AFD2F8FC6385}"/>
          </ac:spMkLst>
        </pc:spChg>
        <pc:spChg chg="del">
          <ac:chgData name="Lukasz Kutrzuba" userId="S::lukasz.kutrzuba@ericsson.com::362f5cc4-0ca4-4e9d-91a9-91fb4ffaabd5" providerId="AD" clId="Web-{949E964F-3B70-4119-ACEA-8CA6B1E94C89}" dt="2022-12-02T10:28:33.918" v="28"/>
          <ac:spMkLst>
            <pc:docMk/>
            <pc:sldMk cId="805032094" sldId="379"/>
            <ac:spMk id="11" creationId="{C3DBF8B4-182F-420B-8B93-AFD395C84336}"/>
          </ac:spMkLst>
        </pc:spChg>
      </pc:sldChg>
      <pc:sldChg chg="new">
        <pc:chgData name="Lukasz Kutrzuba" userId="S::lukasz.kutrzuba@ericsson.com::362f5cc4-0ca4-4e9d-91a9-91fb4ffaabd5" providerId="AD" clId="Web-{949E964F-3B70-4119-ACEA-8CA6B1E94C89}" dt="2022-12-02T11:18:39.449" v="123"/>
        <pc:sldMkLst>
          <pc:docMk/>
          <pc:sldMk cId="3803418693" sldId="381"/>
        </pc:sldMkLst>
      </pc:sldChg>
    </pc:docChg>
  </pc:docChgLst>
  <pc:docChgLst>
    <pc:chgData name="Lukasz Kutrzuba" userId="S::lukasz.kutrzuba@ericsson.com::362f5cc4-0ca4-4e9d-91a9-91fb4ffaabd5" providerId="AD" clId="Web-{12BAE375-B54A-46EA-961C-6E6D16DDB233}"/>
    <pc:docChg chg="modSld">
      <pc:chgData name="Lukasz Kutrzuba" userId="S::lukasz.kutrzuba@ericsson.com::362f5cc4-0ca4-4e9d-91a9-91fb4ffaabd5" providerId="AD" clId="Web-{12BAE375-B54A-46EA-961C-6E6D16DDB233}" dt="2022-12-02T09:31:38.942" v="9" actId="1076"/>
      <pc:docMkLst>
        <pc:docMk/>
      </pc:docMkLst>
      <pc:sldChg chg="modSp">
        <pc:chgData name="Lukasz Kutrzuba" userId="S::lukasz.kutrzuba@ericsson.com::362f5cc4-0ca4-4e9d-91a9-91fb4ffaabd5" providerId="AD" clId="Web-{12BAE375-B54A-46EA-961C-6E6D16DDB233}" dt="2022-12-02T09:23:40.537" v="6" actId="1076"/>
        <pc:sldMkLst>
          <pc:docMk/>
          <pc:sldMk cId="1369609917" sldId="290"/>
        </pc:sldMkLst>
        <pc:spChg chg="mod">
          <ac:chgData name="Lukasz Kutrzuba" userId="S::lukasz.kutrzuba@ericsson.com::362f5cc4-0ca4-4e9d-91a9-91fb4ffaabd5" providerId="AD" clId="Web-{12BAE375-B54A-46EA-961C-6E6D16DDB233}" dt="2022-12-02T09:23:40.537" v="6" actId="1076"/>
          <ac:spMkLst>
            <pc:docMk/>
            <pc:sldMk cId="1369609917" sldId="290"/>
            <ac:spMk id="19" creationId="{5DEAE8F4-9644-4E4E-BAC7-3AB1B9593647}"/>
          </ac:spMkLst>
        </pc:spChg>
        <pc:picChg chg="mod">
          <ac:chgData name="Lukasz Kutrzuba" userId="S::lukasz.kutrzuba@ericsson.com::362f5cc4-0ca4-4e9d-91a9-91fb4ffaabd5" providerId="AD" clId="Web-{12BAE375-B54A-46EA-961C-6E6D16DDB233}" dt="2022-12-02T09:23:30.380" v="1" actId="1076"/>
          <ac:picMkLst>
            <pc:docMk/>
            <pc:sldMk cId="1369609917" sldId="290"/>
            <ac:picMk id="8" creationId="{523EBA1F-1097-4358-8AF0-BDE9F512EFBF}"/>
          </ac:picMkLst>
        </pc:picChg>
      </pc:sldChg>
      <pc:sldChg chg="modSp">
        <pc:chgData name="Lukasz Kutrzuba" userId="S::lukasz.kutrzuba@ericsson.com::362f5cc4-0ca4-4e9d-91a9-91fb4ffaabd5" providerId="AD" clId="Web-{12BAE375-B54A-46EA-961C-6E6D16DDB233}" dt="2022-12-02T09:25:56.260" v="7" actId="20577"/>
        <pc:sldMkLst>
          <pc:docMk/>
          <pc:sldMk cId="1388213951" sldId="293"/>
        </pc:sldMkLst>
        <pc:spChg chg="mod">
          <ac:chgData name="Lukasz Kutrzuba" userId="S::lukasz.kutrzuba@ericsson.com::362f5cc4-0ca4-4e9d-91a9-91fb4ffaabd5" providerId="AD" clId="Web-{12BAE375-B54A-46EA-961C-6E6D16DDB233}" dt="2022-12-02T09:25:56.260" v="7" actId="20577"/>
          <ac:spMkLst>
            <pc:docMk/>
            <pc:sldMk cId="1388213951" sldId="293"/>
            <ac:spMk id="16" creationId="{BD35B5D5-64E3-4CC1-ABDC-8B5C51E947A3}"/>
          </ac:spMkLst>
        </pc:spChg>
      </pc:sldChg>
      <pc:sldChg chg="modSp">
        <pc:chgData name="Lukasz Kutrzuba" userId="S::lukasz.kutrzuba@ericsson.com::362f5cc4-0ca4-4e9d-91a9-91fb4ffaabd5" providerId="AD" clId="Web-{12BAE375-B54A-46EA-961C-6E6D16DDB233}" dt="2022-12-02T09:31:38.942" v="9" actId="1076"/>
        <pc:sldMkLst>
          <pc:docMk/>
          <pc:sldMk cId="167090222" sldId="300"/>
        </pc:sldMkLst>
        <pc:spChg chg="mod">
          <ac:chgData name="Lukasz Kutrzuba" userId="S::lukasz.kutrzuba@ericsson.com::362f5cc4-0ca4-4e9d-91a9-91fb4ffaabd5" providerId="AD" clId="Web-{12BAE375-B54A-46EA-961C-6E6D16DDB233}" dt="2022-12-02T09:31:38.942" v="9" actId="1076"/>
          <ac:spMkLst>
            <pc:docMk/>
            <pc:sldMk cId="167090222" sldId="300"/>
            <ac:spMk id="7" creationId="{832B60CE-874B-4042-B20F-DC1281AF9D96}"/>
          </ac:spMkLst>
        </pc:spChg>
        <pc:picChg chg="mod">
          <ac:chgData name="Lukasz Kutrzuba" userId="S::lukasz.kutrzuba@ericsson.com::362f5cc4-0ca4-4e9d-91a9-91fb4ffaabd5" providerId="AD" clId="Web-{12BAE375-B54A-46EA-961C-6E6D16DDB233}" dt="2022-12-02T09:31:36.317" v="8" actId="1076"/>
          <ac:picMkLst>
            <pc:docMk/>
            <pc:sldMk cId="167090222" sldId="300"/>
            <ac:picMk id="18" creationId="{4CDBF5D4-A44E-43B1-B053-2637FCFC6736}"/>
          </ac:picMkLst>
        </pc:picChg>
      </pc:sldChg>
    </pc:docChg>
  </pc:docChgLst>
  <pc:docChgLst>
    <pc:chgData name="Lukasz Kutrzuba" userId="S::lukasz.kutrzuba@ericsson.com::362f5cc4-0ca4-4e9d-91a9-91fb4ffaabd5" providerId="AD" clId="Web-{DB3A93AB-A50A-4CBB-9BB9-0981F79E193B}"/>
    <pc:docChg chg="modSld">
      <pc:chgData name="Lukasz Kutrzuba" userId="S::lukasz.kutrzuba@ericsson.com::362f5cc4-0ca4-4e9d-91a9-91fb4ffaabd5" providerId="AD" clId="Web-{DB3A93AB-A50A-4CBB-9BB9-0981F79E193B}" dt="2022-12-02T10:20:03.440" v="56" actId="1076"/>
      <pc:docMkLst>
        <pc:docMk/>
      </pc:docMkLst>
      <pc:sldChg chg="addSp modSp">
        <pc:chgData name="Lukasz Kutrzuba" userId="S::lukasz.kutrzuba@ericsson.com::362f5cc4-0ca4-4e9d-91a9-91fb4ffaabd5" providerId="AD" clId="Web-{DB3A93AB-A50A-4CBB-9BB9-0981F79E193B}" dt="2022-12-02T10:17:23.514" v="46" actId="14100"/>
        <pc:sldMkLst>
          <pc:docMk/>
          <pc:sldMk cId="1369609917" sldId="290"/>
        </pc:sldMkLst>
        <pc:spChg chg="add mod">
          <ac:chgData name="Lukasz Kutrzuba" userId="S::lukasz.kutrzuba@ericsson.com::362f5cc4-0ca4-4e9d-91a9-91fb4ffaabd5" providerId="AD" clId="Web-{DB3A93AB-A50A-4CBB-9BB9-0981F79E193B}" dt="2022-12-02T10:17:23.514" v="46" actId="14100"/>
          <ac:spMkLst>
            <pc:docMk/>
            <pc:sldMk cId="1369609917" sldId="290"/>
            <ac:spMk id="3" creationId="{F654EBCD-334F-DD5B-6F23-4BBAADCCE82C}"/>
          </ac:spMkLst>
        </pc:spChg>
        <pc:spChg chg="mod">
          <ac:chgData name="Lukasz Kutrzuba" userId="S::lukasz.kutrzuba@ericsson.com::362f5cc4-0ca4-4e9d-91a9-91fb4ffaabd5" providerId="AD" clId="Web-{DB3A93AB-A50A-4CBB-9BB9-0981F79E193B}" dt="2022-12-02T10:17:04.764" v="42" actId="1076"/>
          <ac:spMkLst>
            <pc:docMk/>
            <pc:sldMk cId="1369609917" sldId="290"/>
            <ac:spMk id="19" creationId="{5DEAE8F4-9644-4E4E-BAC7-3AB1B9593647}"/>
          </ac:spMkLst>
        </pc:spChg>
        <pc:picChg chg="mod">
          <ac:chgData name="Lukasz Kutrzuba" userId="S::lukasz.kutrzuba@ericsson.com::362f5cc4-0ca4-4e9d-91a9-91fb4ffaabd5" providerId="AD" clId="Web-{DB3A93AB-A50A-4CBB-9BB9-0981F79E193B}" dt="2022-12-02T10:17:06.326" v="43" actId="1076"/>
          <ac:picMkLst>
            <pc:docMk/>
            <pc:sldMk cId="1369609917" sldId="290"/>
            <ac:picMk id="8" creationId="{523EBA1F-1097-4358-8AF0-BDE9F512EFBF}"/>
          </ac:picMkLst>
        </pc:picChg>
      </pc:sldChg>
      <pc:sldChg chg="addSp delSp modSp">
        <pc:chgData name="Lukasz Kutrzuba" userId="S::lukasz.kutrzuba@ericsson.com::362f5cc4-0ca4-4e9d-91a9-91fb4ffaabd5" providerId="AD" clId="Web-{DB3A93AB-A50A-4CBB-9BB9-0981F79E193B}" dt="2022-12-02T10:16:55.467" v="39" actId="1076"/>
        <pc:sldMkLst>
          <pc:docMk/>
          <pc:sldMk cId="1388213951" sldId="293"/>
        </pc:sldMkLst>
        <pc:spChg chg="add mod">
          <ac:chgData name="Lukasz Kutrzuba" userId="S::lukasz.kutrzuba@ericsson.com::362f5cc4-0ca4-4e9d-91a9-91fb4ffaabd5" providerId="AD" clId="Web-{DB3A93AB-A50A-4CBB-9BB9-0981F79E193B}" dt="2022-12-02T10:03:51.649" v="3" actId="14100"/>
          <ac:spMkLst>
            <pc:docMk/>
            <pc:sldMk cId="1388213951" sldId="293"/>
            <ac:spMk id="5" creationId="{09BA9899-1F62-AFEC-5586-BE161F772358}"/>
          </ac:spMkLst>
        </pc:spChg>
        <pc:spChg chg="add mod">
          <ac:chgData name="Lukasz Kutrzuba" userId="S::lukasz.kutrzuba@ericsson.com::362f5cc4-0ca4-4e9d-91a9-91fb4ffaabd5" providerId="AD" clId="Web-{DB3A93AB-A50A-4CBB-9BB9-0981F79E193B}" dt="2022-12-02T10:04:25.681" v="8" actId="14100"/>
          <ac:spMkLst>
            <pc:docMk/>
            <pc:sldMk cId="1388213951" sldId="293"/>
            <ac:spMk id="7" creationId="{D42EF92B-7F9C-C865-64A4-664C650E2D71}"/>
          </ac:spMkLst>
        </pc:spChg>
        <pc:spChg chg="del mod">
          <ac:chgData name="Lukasz Kutrzuba" userId="S::lukasz.kutrzuba@ericsson.com::362f5cc4-0ca4-4e9d-91a9-91fb4ffaabd5" providerId="AD" clId="Web-{DB3A93AB-A50A-4CBB-9BB9-0981F79E193B}" dt="2022-12-02T10:16:04.450" v="37"/>
          <ac:spMkLst>
            <pc:docMk/>
            <pc:sldMk cId="1388213951" sldId="293"/>
            <ac:spMk id="11" creationId="{A1DBE712-91AA-49CC-A47B-71333313CBC5}"/>
          </ac:spMkLst>
        </pc:spChg>
        <pc:spChg chg="add del">
          <ac:chgData name="Lukasz Kutrzuba" userId="S::lukasz.kutrzuba@ericsson.com::362f5cc4-0ca4-4e9d-91a9-91fb4ffaabd5" providerId="AD" clId="Web-{DB3A93AB-A50A-4CBB-9BB9-0981F79E193B}" dt="2022-12-02T10:05:55.949" v="13"/>
          <ac:spMkLst>
            <pc:docMk/>
            <pc:sldMk cId="1388213951" sldId="293"/>
            <ac:spMk id="17" creationId="{FE467465-DA43-D13D-9975-D25AAC08286F}"/>
          </ac:spMkLst>
        </pc:spChg>
        <pc:spChg chg="add mod">
          <ac:chgData name="Lukasz Kutrzuba" userId="S::lukasz.kutrzuba@ericsson.com::362f5cc4-0ca4-4e9d-91a9-91fb4ffaabd5" providerId="AD" clId="Web-{DB3A93AB-A50A-4CBB-9BB9-0981F79E193B}" dt="2022-12-02T10:06:56.076" v="20" actId="1076"/>
          <ac:spMkLst>
            <pc:docMk/>
            <pc:sldMk cId="1388213951" sldId="293"/>
            <ac:spMk id="19" creationId="{A6E520C8-67E6-B8B6-3C3E-5E01368E7FC8}"/>
          </ac:spMkLst>
        </pc:spChg>
        <pc:spChg chg="add del mod">
          <ac:chgData name="Lukasz Kutrzuba" userId="S::lukasz.kutrzuba@ericsson.com::362f5cc4-0ca4-4e9d-91a9-91fb4ffaabd5" providerId="AD" clId="Web-{DB3A93AB-A50A-4CBB-9BB9-0981F79E193B}" dt="2022-12-02T10:16:00.387" v="36"/>
          <ac:spMkLst>
            <pc:docMk/>
            <pc:sldMk cId="1388213951" sldId="293"/>
            <ac:spMk id="23" creationId="{2D514D74-771E-DDD2-97BC-BAE01A68AEE3}"/>
          </ac:spMkLst>
        </pc:spChg>
        <pc:spChg chg="add mod">
          <ac:chgData name="Lukasz Kutrzuba" userId="S::lukasz.kutrzuba@ericsson.com::362f5cc4-0ca4-4e9d-91a9-91fb4ffaabd5" providerId="AD" clId="Web-{DB3A93AB-A50A-4CBB-9BB9-0981F79E193B}" dt="2022-12-02T10:15:45.684" v="35" actId="14100"/>
          <ac:spMkLst>
            <pc:docMk/>
            <pc:sldMk cId="1388213951" sldId="293"/>
            <ac:spMk id="24" creationId="{8CC74FCC-F0F3-9B97-F618-A5DC2A047F1B}"/>
          </ac:spMkLst>
        </pc:spChg>
        <pc:spChg chg="add mod">
          <ac:chgData name="Lukasz Kutrzuba" userId="S::lukasz.kutrzuba@ericsson.com::362f5cc4-0ca4-4e9d-91a9-91fb4ffaabd5" providerId="AD" clId="Web-{DB3A93AB-A50A-4CBB-9BB9-0981F79E193B}" dt="2022-12-02T10:16:55.467" v="39" actId="1076"/>
          <ac:spMkLst>
            <pc:docMk/>
            <pc:sldMk cId="1388213951" sldId="293"/>
            <ac:spMk id="25" creationId="{A4D6E9D6-0435-6C79-66D4-E1560957CF7E}"/>
          </ac:spMkLst>
        </pc:spChg>
      </pc:sldChg>
      <pc:sldChg chg="addSp delSp modSp">
        <pc:chgData name="Lukasz Kutrzuba" userId="S::lukasz.kutrzuba@ericsson.com::362f5cc4-0ca4-4e9d-91a9-91fb4ffaabd5" providerId="AD" clId="Web-{DB3A93AB-A50A-4CBB-9BB9-0981F79E193B}" dt="2022-12-02T10:19:27.814" v="50" actId="1076"/>
        <pc:sldMkLst>
          <pc:docMk/>
          <pc:sldMk cId="2530289182" sldId="297"/>
        </pc:sldMkLst>
        <pc:spChg chg="add del">
          <ac:chgData name="Lukasz Kutrzuba" userId="S::lukasz.kutrzuba@ericsson.com::362f5cc4-0ca4-4e9d-91a9-91fb4ffaabd5" providerId="AD" clId="Web-{DB3A93AB-A50A-4CBB-9BB9-0981F79E193B}" dt="2022-12-02T10:19:22.564" v="49"/>
          <ac:spMkLst>
            <pc:docMk/>
            <pc:sldMk cId="2530289182" sldId="297"/>
            <ac:spMk id="3" creationId="{CEACAC6C-59F5-60F1-7972-187DC44615DD}"/>
          </ac:spMkLst>
        </pc:spChg>
        <pc:spChg chg="add mod">
          <ac:chgData name="Lukasz Kutrzuba" userId="S::lukasz.kutrzuba@ericsson.com::362f5cc4-0ca4-4e9d-91a9-91fb4ffaabd5" providerId="AD" clId="Web-{DB3A93AB-A50A-4CBB-9BB9-0981F79E193B}" dt="2022-12-02T10:19:27.814" v="50" actId="1076"/>
          <ac:spMkLst>
            <pc:docMk/>
            <pc:sldMk cId="2530289182" sldId="297"/>
            <ac:spMk id="5" creationId="{A4CE5E1A-57DD-AE5D-B987-A5588E83013F}"/>
          </ac:spMkLst>
        </pc:spChg>
      </pc:sldChg>
      <pc:sldChg chg="addSp delSp modSp">
        <pc:chgData name="Lukasz Kutrzuba" userId="S::lukasz.kutrzuba@ericsson.com::362f5cc4-0ca4-4e9d-91a9-91fb4ffaabd5" providerId="AD" clId="Web-{DB3A93AB-A50A-4CBB-9BB9-0981F79E193B}" dt="2022-12-02T10:19:52.612" v="53" actId="1076"/>
        <pc:sldMkLst>
          <pc:docMk/>
          <pc:sldMk cId="785523801" sldId="303"/>
        </pc:sldMkLst>
        <pc:spChg chg="add mod">
          <ac:chgData name="Lukasz Kutrzuba" userId="S::lukasz.kutrzuba@ericsson.com::362f5cc4-0ca4-4e9d-91a9-91fb4ffaabd5" providerId="AD" clId="Web-{DB3A93AB-A50A-4CBB-9BB9-0981F79E193B}" dt="2022-12-02T10:19:52.612" v="53" actId="1076"/>
          <ac:spMkLst>
            <pc:docMk/>
            <pc:sldMk cId="785523801" sldId="303"/>
            <ac:spMk id="4" creationId="{2F475B81-24BA-8082-2AA1-78EEEC171462}"/>
          </ac:spMkLst>
        </pc:spChg>
        <pc:spChg chg="del">
          <ac:chgData name="Lukasz Kutrzuba" userId="S::lukasz.kutrzuba@ericsson.com::362f5cc4-0ca4-4e9d-91a9-91fb4ffaabd5" providerId="AD" clId="Web-{DB3A93AB-A50A-4CBB-9BB9-0981F79E193B}" dt="2022-12-02T10:19:48.971" v="52"/>
          <ac:spMkLst>
            <pc:docMk/>
            <pc:sldMk cId="785523801" sldId="303"/>
            <ac:spMk id="5" creationId="{75A9DD01-588C-44C5-9E7D-E4AF9B13C88B}"/>
          </ac:spMkLst>
        </pc:spChg>
      </pc:sldChg>
      <pc:sldChg chg="modSp">
        <pc:chgData name="Lukasz Kutrzuba" userId="S::lukasz.kutrzuba@ericsson.com::362f5cc4-0ca4-4e9d-91a9-91fb4ffaabd5" providerId="AD" clId="Web-{DB3A93AB-A50A-4CBB-9BB9-0981F79E193B}" dt="2022-12-02T09:39:22.345" v="0" actId="20577"/>
        <pc:sldMkLst>
          <pc:docMk/>
          <pc:sldMk cId="928204253" sldId="310"/>
        </pc:sldMkLst>
        <pc:spChg chg="mod">
          <ac:chgData name="Lukasz Kutrzuba" userId="S::lukasz.kutrzuba@ericsson.com::362f5cc4-0ca4-4e9d-91a9-91fb4ffaabd5" providerId="AD" clId="Web-{DB3A93AB-A50A-4CBB-9BB9-0981F79E193B}" dt="2022-12-02T09:39:22.345" v="0" actId="20577"/>
          <ac:spMkLst>
            <pc:docMk/>
            <pc:sldMk cId="928204253" sldId="310"/>
            <ac:spMk id="12" creationId="{4FFB8876-A80B-45BF-B457-69F329D40EAB}"/>
          </ac:spMkLst>
        </pc:spChg>
      </pc:sldChg>
      <pc:sldChg chg="addSp delSp modSp">
        <pc:chgData name="Lukasz Kutrzuba" userId="S::lukasz.kutrzuba@ericsson.com::362f5cc4-0ca4-4e9d-91a9-91fb4ffaabd5" providerId="AD" clId="Web-{DB3A93AB-A50A-4CBB-9BB9-0981F79E193B}" dt="2022-12-02T10:20:03.440" v="56" actId="1076"/>
        <pc:sldMkLst>
          <pc:docMk/>
          <pc:sldMk cId="3524012516" sldId="354"/>
        </pc:sldMkLst>
        <pc:spChg chg="add mod">
          <ac:chgData name="Lukasz Kutrzuba" userId="S::lukasz.kutrzuba@ericsson.com::362f5cc4-0ca4-4e9d-91a9-91fb4ffaabd5" providerId="AD" clId="Web-{DB3A93AB-A50A-4CBB-9BB9-0981F79E193B}" dt="2022-12-02T10:20:03.440" v="56" actId="1076"/>
          <ac:spMkLst>
            <pc:docMk/>
            <pc:sldMk cId="3524012516" sldId="354"/>
            <ac:spMk id="4" creationId="{46DA9ACF-4838-FA34-467E-DDD50F9F9F3D}"/>
          </ac:spMkLst>
        </pc:spChg>
        <pc:spChg chg="del">
          <ac:chgData name="Lukasz Kutrzuba" userId="S::lukasz.kutrzuba@ericsson.com::362f5cc4-0ca4-4e9d-91a9-91fb4ffaabd5" providerId="AD" clId="Web-{DB3A93AB-A50A-4CBB-9BB9-0981F79E193B}" dt="2022-12-02T10:19:59.675" v="55"/>
          <ac:spMkLst>
            <pc:docMk/>
            <pc:sldMk cId="3524012516" sldId="354"/>
            <ac:spMk id="5" creationId="{0A8C7AFA-820C-4C80-9FF8-6C146F552C80}"/>
          </ac:spMkLst>
        </pc:spChg>
      </pc:sldChg>
    </pc:docChg>
  </pc:docChgLst>
  <pc:docChgLst>
    <pc:chgData name="Lukasz Kutrzuba" userId="S::lukasz.kutrzuba@ericsson.com::362f5cc4-0ca4-4e9d-91a9-91fb4ffaabd5" providerId="AD" clId="Web-{410AAC63-6822-4EE3-931B-8E5ABFEFF442}"/>
    <pc:docChg chg="modSld">
      <pc:chgData name="Lukasz Kutrzuba" userId="S::lukasz.kutrzuba@ericsson.com::362f5cc4-0ca4-4e9d-91a9-91fb4ffaabd5" providerId="AD" clId="Web-{410AAC63-6822-4EE3-931B-8E5ABFEFF442}" dt="2022-12-02T14:09:20.871" v="160" actId="20577"/>
      <pc:docMkLst>
        <pc:docMk/>
      </pc:docMkLst>
      <pc:sldChg chg="delSp">
        <pc:chgData name="Lukasz Kutrzuba" userId="S::lukasz.kutrzuba@ericsson.com::362f5cc4-0ca4-4e9d-91a9-91fb4ffaabd5" providerId="AD" clId="Web-{410AAC63-6822-4EE3-931B-8E5ABFEFF442}" dt="2022-12-02T14:05:24.334" v="0"/>
        <pc:sldMkLst>
          <pc:docMk/>
          <pc:sldMk cId="71151763" sldId="316"/>
        </pc:sldMkLst>
        <pc:spChg chg="del">
          <ac:chgData name="Lukasz Kutrzuba" userId="S::lukasz.kutrzuba@ericsson.com::362f5cc4-0ca4-4e9d-91a9-91fb4ffaabd5" providerId="AD" clId="Web-{410AAC63-6822-4EE3-931B-8E5ABFEFF442}" dt="2022-12-02T14:05:24.334" v="0"/>
          <ac:spMkLst>
            <pc:docMk/>
            <pc:sldMk cId="71151763" sldId="316"/>
            <ac:spMk id="2" creationId="{A96A008B-ED9F-4385-A18A-765CB9C77452}"/>
          </ac:spMkLst>
        </pc:spChg>
      </pc:sldChg>
      <pc:sldChg chg="mod modShow">
        <pc:chgData name="Lukasz Kutrzuba" userId="S::lukasz.kutrzuba@ericsson.com::362f5cc4-0ca4-4e9d-91a9-91fb4ffaabd5" providerId="AD" clId="Web-{410AAC63-6822-4EE3-931B-8E5ABFEFF442}" dt="2022-12-02T14:06:23.476" v="2"/>
        <pc:sldMkLst>
          <pc:docMk/>
          <pc:sldMk cId="1175326131" sldId="334"/>
        </pc:sldMkLst>
      </pc:sldChg>
      <pc:sldChg chg="mod modShow">
        <pc:chgData name="Lukasz Kutrzuba" userId="S::lukasz.kutrzuba@ericsson.com::362f5cc4-0ca4-4e9d-91a9-91fb4ffaabd5" providerId="AD" clId="Web-{410AAC63-6822-4EE3-931B-8E5ABFEFF442}" dt="2022-12-02T14:06:21.648" v="1"/>
        <pc:sldMkLst>
          <pc:docMk/>
          <pc:sldMk cId="2346479200" sldId="335"/>
        </pc:sldMkLst>
      </pc:sldChg>
      <pc:sldChg chg="modSp">
        <pc:chgData name="Lukasz Kutrzuba" userId="S::lukasz.kutrzuba@ericsson.com::362f5cc4-0ca4-4e9d-91a9-91fb4ffaabd5" providerId="AD" clId="Web-{410AAC63-6822-4EE3-931B-8E5ABFEFF442}" dt="2022-12-02T14:09:20.871" v="160" actId="20577"/>
        <pc:sldMkLst>
          <pc:docMk/>
          <pc:sldMk cId="1750462366" sldId="349"/>
        </pc:sldMkLst>
        <pc:spChg chg="mod">
          <ac:chgData name="Lukasz Kutrzuba" userId="S::lukasz.kutrzuba@ericsson.com::362f5cc4-0ca4-4e9d-91a9-91fb4ffaabd5" providerId="AD" clId="Web-{410AAC63-6822-4EE3-931B-8E5ABFEFF442}" dt="2022-12-02T14:09:20.871" v="160" actId="20577"/>
          <ac:spMkLst>
            <pc:docMk/>
            <pc:sldMk cId="1750462366" sldId="349"/>
            <ac:spMk id="14" creationId="{B6CA66AD-D631-4C5E-A924-BC952D4B4394}"/>
          </ac:spMkLst>
        </pc:spChg>
      </pc:sldChg>
      <pc:sldChg chg="mod modShow">
        <pc:chgData name="Lukasz Kutrzuba" userId="S::lukasz.kutrzuba@ericsson.com::362f5cc4-0ca4-4e9d-91a9-91fb4ffaabd5" providerId="AD" clId="Web-{410AAC63-6822-4EE3-931B-8E5ABFEFF442}" dt="2022-12-02T14:06:41.367" v="3"/>
        <pc:sldMkLst>
          <pc:docMk/>
          <pc:sldMk cId="4173971635" sldId="358"/>
        </pc:sldMkLst>
      </pc:sldChg>
    </pc:docChg>
  </pc:docChgLst>
  <pc:docChgLst>
    <pc:chgData name="Kinga Gniadek" userId="43cb074d-dcd1-4848-963b-d77b93284ad2" providerId="ADAL" clId="{F5658412-CB27-4EA0-9B91-5E2D686EE832}"/>
    <pc:docChg chg="undo redo custSel addSld delSld modSld sldOrd modMainMaster">
      <pc:chgData name="Kinga Gniadek" userId="43cb074d-dcd1-4848-963b-d77b93284ad2" providerId="ADAL" clId="{F5658412-CB27-4EA0-9B91-5E2D686EE832}" dt="2022-12-02T12:37:22.271" v="16723"/>
      <pc:docMkLst>
        <pc:docMk/>
      </pc:docMkLst>
      <pc:sldChg chg="addSp delSp modSp del mod ord">
        <pc:chgData name="Kinga Gniadek" userId="43cb074d-dcd1-4848-963b-d77b93284ad2" providerId="ADAL" clId="{F5658412-CB27-4EA0-9B91-5E2D686EE832}" dt="2022-11-22T09:04:26.302" v="3013" actId="47"/>
        <pc:sldMkLst>
          <pc:docMk/>
          <pc:sldMk cId="2733158680" sldId="256"/>
        </pc:sldMkLst>
        <pc:spChg chg="mod">
          <ac:chgData name="Kinga Gniadek" userId="43cb074d-dcd1-4848-963b-d77b93284ad2" providerId="ADAL" clId="{F5658412-CB27-4EA0-9B91-5E2D686EE832}" dt="2022-11-22T08:36:27.740" v="2455" actId="1076"/>
          <ac:spMkLst>
            <pc:docMk/>
            <pc:sldMk cId="2733158680" sldId="256"/>
            <ac:spMk id="2" creationId="{D14F1C9F-567E-4A36-B42D-082851C76D0B}"/>
          </ac:spMkLst>
        </pc:spChg>
        <pc:spChg chg="mod">
          <ac:chgData name="Kinga Gniadek" userId="43cb074d-dcd1-4848-963b-d77b93284ad2" providerId="ADAL" clId="{F5658412-CB27-4EA0-9B91-5E2D686EE832}" dt="2022-11-22T09:01:24.276" v="2967" actId="1076"/>
          <ac:spMkLst>
            <pc:docMk/>
            <pc:sldMk cId="2733158680" sldId="256"/>
            <ac:spMk id="10" creationId="{D65BDA9B-70D1-41A4-84D2-6CE1A9392F8A}"/>
          </ac:spMkLst>
        </pc:spChg>
        <pc:spChg chg="mod">
          <ac:chgData name="Kinga Gniadek" userId="43cb074d-dcd1-4848-963b-d77b93284ad2" providerId="ADAL" clId="{F5658412-CB27-4EA0-9B91-5E2D686EE832}" dt="2022-11-18T11:22:15.342" v="1010" actId="1076"/>
          <ac:spMkLst>
            <pc:docMk/>
            <pc:sldMk cId="2733158680" sldId="256"/>
            <ac:spMk id="12" creationId="{636CE485-3340-403A-A868-67B8F5CCB8BA}"/>
          </ac:spMkLst>
        </pc:spChg>
        <pc:spChg chg="mod">
          <ac:chgData name="Kinga Gniadek" userId="43cb074d-dcd1-4848-963b-d77b93284ad2" providerId="ADAL" clId="{F5658412-CB27-4EA0-9B91-5E2D686EE832}" dt="2022-11-18T11:22:19.687" v="1011" actId="1076"/>
          <ac:spMkLst>
            <pc:docMk/>
            <pc:sldMk cId="2733158680" sldId="256"/>
            <ac:spMk id="13" creationId="{0E1AAEA0-2072-4734-A59D-8CC4D60F0D79}"/>
          </ac:spMkLst>
        </pc:spChg>
        <pc:spChg chg="add del mod">
          <ac:chgData name="Kinga Gniadek" userId="43cb074d-dcd1-4848-963b-d77b93284ad2" providerId="ADAL" clId="{F5658412-CB27-4EA0-9B91-5E2D686EE832}" dt="2022-11-22T09:00:49.840" v="2958"/>
          <ac:spMkLst>
            <pc:docMk/>
            <pc:sldMk cId="2733158680" sldId="256"/>
            <ac:spMk id="14" creationId="{1401FCCA-686A-4F3E-858E-6D119B89FD3C}"/>
          </ac:spMkLst>
        </pc:spChg>
        <pc:spChg chg="mod">
          <ac:chgData name="Kinga Gniadek" userId="43cb074d-dcd1-4848-963b-d77b93284ad2" providerId="ADAL" clId="{F5658412-CB27-4EA0-9B91-5E2D686EE832}" dt="2022-11-22T08:47:04.321" v="2616" actId="20577"/>
          <ac:spMkLst>
            <pc:docMk/>
            <pc:sldMk cId="2733158680" sldId="256"/>
            <ac:spMk id="17" creationId="{29831784-09F3-4B33-B563-96672CF7DCCA}"/>
          </ac:spMkLst>
        </pc:spChg>
        <pc:spChg chg="mod">
          <ac:chgData name="Kinga Gniadek" userId="43cb074d-dcd1-4848-963b-d77b93284ad2" providerId="ADAL" clId="{F5658412-CB27-4EA0-9B91-5E2D686EE832}" dt="2022-11-22T08:46:46.245" v="2590"/>
          <ac:spMkLst>
            <pc:docMk/>
            <pc:sldMk cId="2733158680" sldId="256"/>
            <ac:spMk id="18" creationId="{C5A5EF54-5A7A-4354-8708-2917E81B087A}"/>
          </ac:spMkLst>
        </pc:spChg>
        <pc:spChg chg="mod">
          <ac:chgData name="Kinga Gniadek" userId="43cb074d-dcd1-4848-963b-d77b93284ad2" providerId="ADAL" clId="{F5658412-CB27-4EA0-9B91-5E2D686EE832}" dt="2022-11-18T11:22:26.391" v="1013" actId="1076"/>
          <ac:spMkLst>
            <pc:docMk/>
            <pc:sldMk cId="2733158680" sldId="256"/>
            <ac:spMk id="20" creationId="{B5E57465-9E25-466A-9612-42ED6456E453}"/>
          </ac:spMkLst>
        </pc:spChg>
      </pc:sldChg>
      <pc:sldChg chg="modSp del mod">
        <pc:chgData name="Kinga Gniadek" userId="43cb074d-dcd1-4848-963b-d77b93284ad2" providerId="ADAL" clId="{F5658412-CB27-4EA0-9B91-5E2D686EE832}" dt="2022-11-22T08:54:59.093" v="2832" actId="47"/>
        <pc:sldMkLst>
          <pc:docMk/>
          <pc:sldMk cId="527143130" sldId="258"/>
        </pc:sldMkLst>
        <pc:spChg chg="mod">
          <ac:chgData name="Kinga Gniadek" userId="43cb074d-dcd1-4848-963b-d77b93284ad2" providerId="ADAL" clId="{F5658412-CB27-4EA0-9B91-5E2D686EE832}" dt="2022-11-22T08:54:37.982" v="2824" actId="1076"/>
          <ac:spMkLst>
            <pc:docMk/>
            <pc:sldMk cId="527143130" sldId="258"/>
            <ac:spMk id="4" creationId="{9D1603A8-B106-49C8-9A85-772F771CEA7B}"/>
          </ac:spMkLst>
        </pc:spChg>
        <pc:spChg chg="mod">
          <ac:chgData name="Kinga Gniadek" userId="43cb074d-dcd1-4848-963b-d77b93284ad2" providerId="ADAL" clId="{F5658412-CB27-4EA0-9B91-5E2D686EE832}" dt="2022-11-22T08:48:20.048" v="2679" actId="1076"/>
          <ac:spMkLst>
            <pc:docMk/>
            <pc:sldMk cId="527143130" sldId="258"/>
            <ac:spMk id="5" creationId="{EBE0C4A5-D42F-44F1-9F5A-67BBFB530625}"/>
          </ac:spMkLst>
        </pc:spChg>
        <pc:picChg chg="mod">
          <ac:chgData name="Kinga Gniadek" userId="43cb074d-dcd1-4848-963b-d77b93284ad2" providerId="ADAL" clId="{F5658412-CB27-4EA0-9B91-5E2D686EE832}" dt="2022-11-22T08:54:37.982" v="2824" actId="1076"/>
          <ac:picMkLst>
            <pc:docMk/>
            <pc:sldMk cId="527143130" sldId="258"/>
            <ac:picMk id="3" creationId="{79243168-464D-4296-871A-B18769025650}"/>
          </ac:picMkLst>
        </pc:picChg>
      </pc:sldChg>
      <pc:sldChg chg="ord modTransition">
        <pc:chgData name="Kinga Gniadek" userId="43cb074d-dcd1-4848-963b-d77b93284ad2" providerId="ADAL" clId="{F5658412-CB27-4EA0-9B91-5E2D686EE832}" dt="2022-12-02T12:34:14.110" v="16720"/>
        <pc:sldMkLst>
          <pc:docMk/>
          <pc:sldMk cId="1356441229" sldId="260"/>
        </pc:sldMkLst>
      </pc:sldChg>
      <pc:sldChg chg="del">
        <pc:chgData name="Kinga Gniadek" userId="43cb074d-dcd1-4848-963b-d77b93284ad2" providerId="ADAL" clId="{F5658412-CB27-4EA0-9B91-5E2D686EE832}" dt="2022-11-18T11:09:37.006" v="0" actId="47"/>
        <pc:sldMkLst>
          <pc:docMk/>
          <pc:sldMk cId="2327780192" sldId="261"/>
        </pc:sldMkLst>
      </pc:sldChg>
      <pc:sldChg chg="modSp mod modTransition">
        <pc:chgData name="Kinga Gniadek" userId="43cb074d-dcd1-4848-963b-d77b93284ad2" providerId="ADAL" clId="{F5658412-CB27-4EA0-9B91-5E2D686EE832}" dt="2022-11-24T14:27:32.402" v="14992"/>
        <pc:sldMkLst>
          <pc:docMk/>
          <pc:sldMk cId="916138069" sldId="262"/>
        </pc:sldMkLst>
        <pc:spChg chg="mod">
          <ac:chgData name="Kinga Gniadek" userId="43cb074d-dcd1-4848-963b-d77b93284ad2" providerId="ADAL" clId="{F5658412-CB27-4EA0-9B91-5E2D686EE832}" dt="2022-11-22T08:47:25.944" v="2647" actId="20577"/>
          <ac:spMkLst>
            <pc:docMk/>
            <pc:sldMk cId="916138069" sldId="262"/>
            <ac:spMk id="9" creationId="{BC8328B3-46B9-814A-9805-A5626BF21769}"/>
          </ac:spMkLst>
        </pc:spChg>
        <pc:picChg chg="mod">
          <ac:chgData name="Kinga Gniadek" userId="43cb074d-dcd1-4848-963b-d77b93284ad2" providerId="ADAL" clId="{F5658412-CB27-4EA0-9B91-5E2D686EE832}" dt="2022-11-22T08:47:29.308" v="2648" actId="1076"/>
          <ac:picMkLst>
            <pc:docMk/>
            <pc:sldMk cId="916138069" sldId="262"/>
            <ac:picMk id="3" creationId="{3389EC28-F9C4-4DB5-8873-DDE2BC3B5312}"/>
          </ac:picMkLst>
        </pc:picChg>
      </pc:sldChg>
      <pc:sldChg chg="addSp modSp mod modTransition">
        <pc:chgData name="Kinga Gniadek" userId="43cb074d-dcd1-4848-963b-d77b93284ad2" providerId="ADAL" clId="{F5658412-CB27-4EA0-9B91-5E2D686EE832}" dt="2022-12-02T10:17:05.974" v="16658" actId="1076"/>
        <pc:sldMkLst>
          <pc:docMk/>
          <pc:sldMk cId="2593047599" sldId="263"/>
        </pc:sldMkLst>
        <pc:spChg chg="add mod">
          <ac:chgData name="Kinga Gniadek" userId="43cb074d-dcd1-4848-963b-d77b93284ad2" providerId="ADAL" clId="{F5658412-CB27-4EA0-9B91-5E2D686EE832}" dt="2022-12-02T10:17:05.974" v="16658" actId="1076"/>
          <ac:spMkLst>
            <pc:docMk/>
            <pc:sldMk cId="2593047599" sldId="263"/>
            <ac:spMk id="6" creationId="{5E9B4F6C-D300-46FF-9E71-189A7388D433}"/>
          </ac:spMkLst>
        </pc:spChg>
        <pc:spChg chg="mod">
          <ac:chgData name="Kinga Gniadek" userId="43cb074d-dcd1-4848-963b-d77b93284ad2" providerId="ADAL" clId="{F5658412-CB27-4EA0-9B91-5E2D686EE832}" dt="2022-12-02T09:58:36.950" v="16595" actId="20577"/>
          <ac:spMkLst>
            <pc:docMk/>
            <pc:sldMk cId="2593047599" sldId="263"/>
            <ac:spMk id="9" creationId="{BC8328B3-46B9-814A-9805-A5626BF21769}"/>
          </ac:spMkLst>
        </pc:spChg>
        <pc:picChg chg="mod">
          <ac:chgData name="Kinga Gniadek" userId="43cb074d-dcd1-4848-963b-d77b93284ad2" providerId="ADAL" clId="{F5658412-CB27-4EA0-9B91-5E2D686EE832}" dt="2022-11-22T08:47:42.131" v="2666" actId="1076"/>
          <ac:picMkLst>
            <pc:docMk/>
            <pc:sldMk cId="2593047599" sldId="263"/>
            <ac:picMk id="4" creationId="{D8A83962-5E00-4A23-B13E-4CA1C4BBD8C4}"/>
          </ac:picMkLst>
        </pc:picChg>
      </pc:sldChg>
      <pc:sldChg chg="modSp mod modTransition">
        <pc:chgData name="Kinga Gniadek" userId="43cb074d-dcd1-4848-963b-d77b93284ad2" providerId="ADAL" clId="{F5658412-CB27-4EA0-9B91-5E2D686EE832}" dt="2022-11-24T14:27:32.402" v="14992"/>
        <pc:sldMkLst>
          <pc:docMk/>
          <pc:sldMk cId="3488574956" sldId="264"/>
        </pc:sldMkLst>
        <pc:spChg chg="mod">
          <ac:chgData name="Kinga Gniadek" userId="43cb074d-dcd1-4848-963b-d77b93284ad2" providerId="ADAL" clId="{F5658412-CB27-4EA0-9B91-5E2D686EE832}" dt="2022-11-24T10:43:52.866" v="11910" actId="20577"/>
          <ac:spMkLst>
            <pc:docMk/>
            <pc:sldMk cId="3488574956" sldId="264"/>
            <ac:spMk id="9" creationId="{BC8328B3-46B9-814A-9805-A5626BF21769}"/>
          </ac:spMkLst>
        </pc:spChg>
        <pc:picChg chg="mod">
          <ac:chgData name="Kinga Gniadek" userId="43cb074d-dcd1-4848-963b-d77b93284ad2" providerId="ADAL" clId="{F5658412-CB27-4EA0-9B91-5E2D686EE832}" dt="2022-11-24T10:43:57.745" v="11911" actId="1076"/>
          <ac:picMkLst>
            <pc:docMk/>
            <pc:sldMk cId="3488574956" sldId="264"/>
            <ac:picMk id="4" creationId="{72FCEA39-4E5D-41C9-A5F8-01FA4FB28976}"/>
          </ac:picMkLst>
        </pc:picChg>
      </pc:sldChg>
      <pc:sldChg chg="del">
        <pc:chgData name="Kinga Gniadek" userId="43cb074d-dcd1-4848-963b-d77b93284ad2" providerId="ADAL" clId="{F5658412-CB27-4EA0-9B91-5E2D686EE832}" dt="2022-11-18T11:09:37.783" v="1" actId="47"/>
        <pc:sldMkLst>
          <pc:docMk/>
          <pc:sldMk cId="1527912921" sldId="265"/>
        </pc:sldMkLst>
      </pc:sldChg>
      <pc:sldChg chg="del">
        <pc:chgData name="Kinga Gniadek" userId="43cb074d-dcd1-4848-963b-d77b93284ad2" providerId="ADAL" clId="{F5658412-CB27-4EA0-9B91-5E2D686EE832}" dt="2022-11-18T11:09:39.970" v="4" actId="47"/>
        <pc:sldMkLst>
          <pc:docMk/>
          <pc:sldMk cId="377769798" sldId="273"/>
        </pc:sldMkLst>
      </pc:sldChg>
      <pc:sldChg chg="del">
        <pc:chgData name="Kinga Gniadek" userId="43cb074d-dcd1-4848-963b-d77b93284ad2" providerId="ADAL" clId="{F5658412-CB27-4EA0-9B91-5E2D686EE832}" dt="2022-11-18T11:09:38.518" v="2" actId="47"/>
        <pc:sldMkLst>
          <pc:docMk/>
          <pc:sldMk cId="1746693039" sldId="274"/>
        </pc:sldMkLst>
      </pc:sldChg>
      <pc:sldChg chg="del">
        <pc:chgData name="Kinga Gniadek" userId="43cb074d-dcd1-4848-963b-d77b93284ad2" providerId="ADAL" clId="{F5658412-CB27-4EA0-9B91-5E2D686EE832}" dt="2022-11-18T11:09:43.167" v="7" actId="47"/>
        <pc:sldMkLst>
          <pc:docMk/>
          <pc:sldMk cId="4259427302" sldId="275"/>
        </pc:sldMkLst>
      </pc:sldChg>
      <pc:sldChg chg="addSp modSp mod modTransition">
        <pc:chgData name="Kinga Gniadek" userId="43cb074d-dcd1-4848-963b-d77b93284ad2" providerId="ADAL" clId="{F5658412-CB27-4EA0-9B91-5E2D686EE832}" dt="2022-12-02T10:26:10.086" v="16703"/>
        <pc:sldMkLst>
          <pc:docMk/>
          <pc:sldMk cId="3345043821" sldId="278"/>
        </pc:sldMkLst>
        <pc:spChg chg="add mod">
          <ac:chgData name="Kinga Gniadek" userId="43cb074d-dcd1-4848-963b-d77b93284ad2" providerId="ADAL" clId="{F5658412-CB27-4EA0-9B91-5E2D686EE832}" dt="2022-12-02T10:26:10.086" v="16703"/>
          <ac:spMkLst>
            <pc:docMk/>
            <pc:sldMk cId="3345043821" sldId="278"/>
            <ac:spMk id="6" creationId="{B0FF4054-F307-46AF-8276-2D51D029E493}"/>
          </ac:spMkLst>
        </pc:spChg>
        <pc:spChg chg="mod">
          <ac:chgData name="Kinga Gniadek" userId="43cb074d-dcd1-4848-963b-d77b93284ad2" providerId="ADAL" clId="{F5658412-CB27-4EA0-9B91-5E2D686EE832}" dt="2022-11-22T08:47:48.859" v="2673" actId="20577"/>
          <ac:spMkLst>
            <pc:docMk/>
            <pc:sldMk cId="3345043821" sldId="278"/>
            <ac:spMk id="9" creationId="{BC8328B3-46B9-814A-9805-A5626BF21769}"/>
          </ac:spMkLst>
        </pc:spChg>
        <pc:picChg chg="mod">
          <ac:chgData name="Kinga Gniadek" userId="43cb074d-dcd1-4848-963b-d77b93284ad2" providerId="ADAL" clId="{F5658412-CB27-4EA0-9B91-5E2D686EE832}" dt="2022-11-22T08:47:53.682" v="2674" actId="1076"/>
          <ac:picMkLst>
            <pc:docMk/>
            <pc:sldMk cId="3345043821" sldId="278"/>
            <ac:picMk id="3" creationId="{79877B0C-ABA1-4A89-B485-08E2DF54E5F7}"/>
          </ac:picMkLst>
        </pc:picChg>
      </pc:sldChg>
      <pc:sldChg chg="addSp delSp modSp add del mod">
        <pc:chgData name="Kinga Gniadek" userId="43cb074d-dcd1-4848-963b-d77b93284ad2" providerId="ADAL" clId="{F5658412-CB27-4EA0-9B91-5E2D686EE832}" dt="2022-11-22T08:44:30.046" v="2493" actId="47"/>
        <pc:sldMkLst>
          <pc:docMk/>
          <pc:sldMk cId="1369609917" sldId="279"/>
        </pc:sldMkLst>
        <pc:spChg chg="del mod">
          <ac:chgData name="Kinga Gniadek" userId="43cb074d-dcd1-4848-963b-d77b93284ad2" providerId="ADAL" clId="{F5658412-CB27-4EA0-9B91-5E2D686EE832}" dt="2022-11-18T11:28:34.682" v="1086" actId="478"/>
          <ac:spMkLst>
            <pc:docMk/>
            <pc:sldMk cId="1369609917" sldId="279"/>
            <ac:spMk id="9" creationId="{C6BF7646-272B-9048-8910-97332DBA2B69}"/>
          </ac:spMkLst>
        </pc:spChg>
        <pc:spChg chg="del mod">
          <ac:chgData name="Kinga Gniadek" userId="43cb074d-dcd1-4848-963b-d77b93284ad2" providerId="ADAL" clId="{F5658412-CB27-4EA0-9B91-5E2D686EE832}" dt="2022-11-18T11:24:07.020" v="1053" actId="478"/>
          <ac:spMkLst>
            <pc:docMk/>
            <pc:sldMk cId="1369609917" sldId="279"/>
            <ac:spMk id="11" creationId="{01429333-8423-6840-A185-4E5C5B548703}"/>
          </ac:spMkLst>
        </pc:spChg>
        <pc:spChg chg="add mod">
          <ac:chgData name="Kinga Gniadek" userId="43cb074d-dcd1-4848-963b-d77b93284ad2" providerId="ADAL" clId="{F5658412-CB27-4EA0-9B91-5E2D686EE832}" dt="2022-11-18T11:29:38.343" v="1124" actId="1076"/>
          <ac:spMkLst>
            <pc:docMk/>
            <pc:sldMk cId="1369609917" sldId="279"/>
            <ac:spMk id="12" creationId="{4FFB8876-A80B-45BF-B457-69F329D40EAB}"/>
          </ac:spMkLst>
        </pc:spChg>
        <pc:spChg chg="add del mod">
          <ac:chgData name="Kinga Gniadek" userId="43cb074d-dcd1-4848-963b-d77b93284ad2" providerId="ADAL" clId="{F5658412-CB27-4EA0-9B91-5E2D686EE832}" dt="2022-11-18T11:30:52.632" v="1144"/>
          <ac:spMkLst>
            <pc:docMk/>
            <pc:sldMk cId="1369609917" sldId="279"/>
            <ac:spMk id="14" creationId="{A5557C6B-CB98-4DF3-9FBF-0F78F1833F3E}"/>
          </ac:spMkLst>
        </pc:spChg>
        <pc:spChg chg="add del mod">
          <ac:chgData name="Kinga Gniadek" userId="43cb074d-dcd1-4848-963b-d77b93284ad2" providerId="ADAL" clId="{F5658412-CB27-4EA0-9B91-5E2D686EE832}" dt="2022-11-18T11:30:55.032" v="1146"/>
          <ac:spMkLst>
            <pc:docMk/>
            <pc:sldMk cId="1369609917" sldId="279"/>
            <ac:spMk id="15" creationId="{0A7886B0-B769-4C7F-AFC3-594422A7CE7D}"/>
          </ac:spMkLst>
        </pc:spChg>
        <pc:spChg chg="add mod">
          <ac:chgData name="Kinga Gniadek" userId="43cb074d-dcd1-4848-963b-d77b93284ad2" providerId="ADAL" clId="{F5658412-CB27-4EA0-9B91-5E2D686EE832}" dt="2022-11-22T07:55:39.547" v="2173" actId="20577"/>
          <ac:spMkLst>
            <pc:docMk/>
            <pc:sldMk cId="1369609917" sldId="279"/>
            <ac:spMk id="17" creationId="{64F79DA2-F192-46F8-9918-FDE42342F149}"/>
          </ac:spMkLst>
        </pc:spChg>
        <pc:spChg chg="add del mod">
          <ac:chgData name="Kinga Gniadek" userId="43cb074d-dcd1-4848-963b-d77b93284ad2" providerId="ADAL" clId="{F5658412-CB27-4EA0-9B91-5E2D686EE832}" dt="2022-11-18T11:37:08.978" v="1998" actId="478"/>
          <ac:spMkLst>
            <pc:docMk/>
            <pc:sldMk cId="1369609917" sldId="279"/>
            <ac:spMk id="18" creationId="{C13D91B0-1477-4E8B-97B5-40CF21D33535}"/>
          </ac:spMkLst>
        </pc:spChg>
        <pc:spChg chg="add mod">
          <ac:chgData name="Kinga Gniadek" userId="43cb074d-dcd1-4848-963b-d77b93284ad2" providerId="ADAL" clId="{F5658412-CB27-4EA0-9B91-5E2D686EE832}" dt="2022-11-18T11:38:30.727" v="2106" actId="1076"/>
          <ac:spMkLst>
            <pc:docMk/>
            <pc:sldMk cId="1369609917" sldId="279"/>
            <ac:spMk id="19" creationId="{5DEAE8F4-9644-4E4E-BAC7-3AB1B9593647}"/>
          </ac:spMkLst>
        </pc:spChg>
        <pc:picChg chg="add del mod">
          <ac:chgData name="Kinga Gniadek" userId="43cb074d-dcd1-4848-963b-d77b93284ad2" providerId="ADAL" clId="{F5658412-CB27-4EA0-9B91-5E2D686EE832}" dt="2022-11-18T11:24:47.036" v="1062" actId="478"/>
          <ac:picMkLst>
            <pc:docMk/>
            <pc:sldMk cId="1369609917" sldId="279"/>
            <ac:picMk id="3" creationId="{E11869C6-42AE-4100-B438-311030180DEA}"/>
          </ac:picMkLst>
        </pc:picChg>
        <pc:picChg chg="add mod">
          <ac:chgData name="Kinga Gniadek" userId="43cb074d-dcd1-4848-963b-d77b93284ad2" providerId="ADAL" clId="{F5658412-CB27-4EA0-9B91-5E2D686EE832}" dt="2022-11-18T11:42:36.998" v="2156" actId="1076"/>
          <ac:picMkLst>
            <pc:docMk/>
            <pc:sldMk cId="1369609917" sldId="279"/>
            <ac:picMk id="5" creationId="{C207980C-DC74-4A3D-98F4-A7CA29DA2373}"/>
          </ac:picMkLst>
        </pc:picChg>
        <pc:picChg chg="del mod modCrop">
          <ac:chgData name="Kinga Gniadek" userId="43cb074d-dcd1-4848-963b-d77b93284ad2" providerId="ADAL" clId="{F5658412-CB27-4EA0-9B91-5E2D686EE832}" dt="2022-11-18T11:30:03.498" v="1127" actId="478"/>
          <ac:picMkLst>
            <pc:docMk/>
            <pc:sldMk cId="1369609917" sldId="279"/>
            <ac:picMk id="7" creationId="{F34CDB7B-7359-4A35-8AB6-52F1513B76AE}"/>
          </ac:picMkLst>
        </pc:picChg>
        <pc:picChg chg="add mod">
          <ac:chgData name="Kinga Gniadek" userId="43cb074d-dcd1-4848-963b-d77b93284ad2" providerId="ADAL" clId="{F5658412-CB27-4EA0-9B91-5E2D686EE832}" dt="2022-11-18T11:37:18.463" v="2001" actId="1076"/>
          <ac:picMkLst>
            <pc:docMk/>
            <pc:sldMk cId="1369609917" sldId="279"/>
            <ac:picMk id="8" creationId="{523EBA1F-1097-4358-8AF0-BDE9F512EFBF}"/>
          </ac:picMkLst>
        </pc:picChg>
        <pc:picChg chg="mod modCrop">
          <ac:chgData name="Kinga Gniadek" userId="43cb074d-dcd1-4848-963b-d77b93284ad2" providerId="ADAL" clId="{F5658412-CB27-4EA0-9B91-5E2D686EE832}" dt="2022-11-18T11:33:46.189" v="1507" actId="1076"/>
          <ac:picMkLst>
            <pc:docMk/>
            <pc:sldMk cId="1369609917" sldId="279"/>
            <ac:picMk id="10" creationId="{3DBEB729-1203-44C5-AFA2-B745B6A191BC}"/>
          </ac:picMkLst>
        </pc:picChg>
        <pc:picChg chg="add mod">
          <ac:chgData name="Kinga Gniadek" userId="43cb074d-dcd1-4848-963b-d77b93284ad2" providerId="ADAL" clId="{F5658412-CB27-4EA0-9B91-5E2D686EE832}" dt="2022-11-18T11:30:01.356" v="1126"/>
          <ac:picMkLst>
            <pc:docMk/>
            <pc:sldMk cId="1369609917" sldId="279"/>
            <ac:picMk id="13" creationId="{C1B89E39-78A6-4166-AF93-8F35BC510575}"/>
          </ac:picMkLst>
        </pc:picChg>
        <pc:picChg chg="add del">
          <ac:chgData name="Kinga Gniadek" userId="43cb074d-dcd1-4848-963b-d77b93284ad2" providerId="ADAL" clId="{F5658412-CB27-4EA0-9B91-5E2D686EE832}" dt="2022-11-18T11:30:56.149" v="1148"/>
          <ac:picMkLst>
            <pc:docMk/>
            <pc:sldMk cId="1369609917" sldId="279"/>
            <ac:picMk id="16" creationId="{6BC1D114-43C5-4187-A3EC-8A79F8DDF337}"/>
          </ac:picMkLst>
        </pc:picChg>
      </pc:sldChg>
      <pc:sldChg chg="del">
        <pc:chgData name="Kinga Gniadek" userId="43cb074d-dcd1-4848-963b-d77b93284ad2" providerId="ADAL" clId="{F5658412-CB27-4EA0-9B91-5E2D686EE832}" dt="2022-11-18T11:09:45.317" v="8" actId="47"/>
        <pc:sldMkLst>
          <pc:docMk/>
          <pc:sldMk cId="2106463675" sldId="279"/>
        </pc:sldMkLst>
      </pc:sldChg>
      <pc:sldChg chg="addSp delSp modSp add mod modTransition">
        <pc:chgData name="Kinga Gniadek" userId="43cb074d-dcd1-4848-963b-d77b93284ad2" providerId="ADAL" clId="{F5658412-CB27-4EA0-9B91-5E2D686EE832}" dt="2022-12-02T10:17:08.406" v="16659"/>
        <pc:sldMkLst>
          <pc:docMk/>
          <pc:sldMk cId="2545479707" sldId="280"/>
        </pc:sldMkLst>
        <pc:spChg chg="del mod">
          <ac:chgData name="Kinga Gniadek" userId="43cb074d-dcd1-4848-963b-d77b93284ad2" providerId="ADAL" clId="{F5658412-CB27-4EA0-9B91-5E2D686EE832}" dt="2022-11-22T07:59:00.175" v="2184" actId="478"/>
          <ac:spMkLst>
            <pc:docMk/>
            <pc:sldMk cId="2545479707" sldId="280"/>
            <ac:spMk id="2" creationId="{D7BD6FC9-14F8-4347-ABD4-1892F0E434E3}"/>
          </ac:spMkLst>
        </pc:spChg>
        <pc:spChg chg="add del mod">
          <ac:chgData name="Kinga Gniadek" userId="43cb074d-dcd1-4848-963b-d77b93284ad2" providerId="ADAL" clId="{F5658412-CB27-4EA0-9B91-5E2D686EE832}" dt="2022-11-22T07:59:02.751" v="2185" actId="478"/>
          <ac:spMkLst>
            <pc:docMk/>
            <pc:sldMk cId="2545479707" sldId="280"/>
            <ac:spMk id="4" creationId="{EB8E65F9-D086-41A7-BF38-6AFBB10135AA}"/>
          </ac:spMkLst>
        </pc:spChg>
        <pc:spChg chg="add mod">
          <ac:chgData name="Kinga Gniadek" userId="43cb074d-dcd1-4848-963b-d77b93284ad2" providerId="ADAL" clId="{F5658412-CB27-4EA0-9B91-5E2D686EE832}" dt="2022-12-02T10:17:08.406" v="16659"/>
          <ac:spMkLst>
            <pc:docMk/>
            <pc:sldMk cId="2545479707" sldId="280"/>
            <ac:spMk id="10" creationId="{C08CB7CD-0F87-4700-ACD2-F930A1816C12}"/>
          </ac:spMkLst>
        </pc:spChg>
        <pc:spChg chg="add mod">
          <ac:chgData name="Kinga Gniadek" userId="43cb074d-dcd1-4848-963b-d77b93284ad2" providerId="ADAL" clId="{F5658412-CB27-4EA0-9B91-5E2D686EE832}" dt="2022-11-22T08:36:32.890" v="2456" actId="1076"/>
          <ac:spMkLst>
            <pc:docMk/>
            <pc:sldMk cId="2545479707" sldId="280"/>
            <ac:spMk id="16" creationId="{A733155C-3D7B-4E23-8ACF-310406D8DE6B}"/>
          </ac:spMkLst>
        </pc:spChg>
        <pc:spChg chg="del mod topLvl">
          <ac:chgData name="Kinga Gniadek" userId="43cb074d-dcd1-4848-963b-d77b93284ad2" providerId="ADAL" clId="{F5658412-CB27-4EA0-9B91-5E2D686EE832}" dt="2022-11-22T08:31:04.211" v="2396" actId="478"/>
          <ac:spMkLst>
            <pc:docMk/>
            <pc:sldMk cId="2545479707" sldId="280"/>
            <ac:spMk id="19" creationId="{221A0DD5-66AA-4C29-A951-A986673E27EC}"/>
          </ac:spMkLst>
        </pc:spChg>
        <pc:spChg chg="del mod">
          <ac:chgData name="Kinga Gniadek" userId="43cb074d-dcd1-4848-963b-d77b93284ad2" providerId="ADAL" clId="{F5658412-CB27-4EA0-9B91-5E2D686EE832}" dt="2022-11-22T08:31:04.211" v="2396" actId="478"/>
          <ac:spMkLst>
            <pc:docMk/>
            <pc:sldMk cId="2545479707" sldId="280"/>
            <ac:spMk id="20" creationId="{13509375-F337-44DD-A937-7BA35B32FE0D}"/>
          </ac:spMkLst>
        </pc:spChg>
        <pc:spChg chg="del mod">
          <ac:chgData name="Kinga Gniadek" userId="43cb074d-dcd1-4848-963b-d77b93284ad2" providerId="ADAL" clId="{F5658412-CB27-4EA0-9B91-5E2D686EE832}" dt="2022-11-22T08:31:04.211" v="2396" actId="478"/>
          <ac:spMkLst>
            <pc:docMk/>
            <pc:sldMk cId="2545479707" sldId="280"/>
            <ac:spMk id="21" creationId="{6DED2C04-CD9D-45CA-838E-19B60071DEEB}"/>
          </ac:spMkLst>
        </pc:spChg>
        <pc:spChg chg="del">
          <ac:chgData name="Kinga Gniadek" userId="43cb074d-dcd1-4848-963b-d77b93284ad2" providerId="ADAL" clId="{F5658412-CB27-4EA0-9B91-5E2D686EE832}" dt="2022-11-22T08:21:51.203" v="2283" actId="478"/>
          <ac:spMkLst>
            <pc:docMk/>
            <pc:sldMk cId="2545479707" sldId="280"/>
            <ac:spMk id="22" creationId="{68A4D5FA-A2DD-4DD7-BFB4-C07FEFA6774C}"/>
          </ac:spMkLst>
        </pc:spChg>
        <pc:spChg chg="del">
          <ac:chgData name="Kinga Gniadek" userId="43cb074d-dcd1-4848-963b-d77b93284ad2" providerId="ADAL" clId="{F5658412-CB27-4EA0-9B91-5E2D686EE832}" dt="2022-11-22T08:21:48.191" v="2280" actId="478"/>
          <ac:spMkLst>
            <pc:docMk/>
            <pc:sldMk cId="2545479707" sldId="280"/>
            <ac:spMk id="23" creationId="{FDE43312-6705-40F9-892A-94617592C69A}"/>
          </ac:spMkLst>
        </pc:spChg>
        <pc:spChg chg="add del mod topLvl">
          <ac:chgData name="Kinga Gniadek" userId="43cb074d-dcd1-4848-963b-d77b93284ad2" providerId="ADAL" clId="{F5658412-CB27-4EA0-9B91-5E2D686EE832}" dt="2022-11-22T08:31:04.211" v="2396" actId="478"/>
          <ac:spMkLst>
            <pc:docMk/>
            <pc:sldMk cId="2545479707" sldId="280"/>
            <ac:spMk id="24" creationId="{970BD84B-48C9-477D-9AAB-595B09D7AD28}"/>
          </ac:spMkLst>
        </pc:spChg>
        <pc:grpChg chg="add del mod">
          <ac:chgData name="Kinga Gniadek" userId="43cb074d-dcd1-4848-963b-d77b93284ad2" providerId="ADAL" clId="{F5658412-CB27-4EA0-9B91-5E2D686EE832}" dt="2022-11-22T08:31:04.211" v="2396" actId="478"/>
          <ac:grpSpMkLst>
            <pc:docMk/>
            <pc:sldMk cId="2545479707" sldId="280"/>
            <ac:grpSpMk id="31" creationId="{60FA2B76-E0F0-429E-AF50-C57B64B50B43}"/>
          </ac:grpSpMkLst>
        </pc:grpChg>
        <pc:picChg chg="add mod">
          <ac:chgData name="Kinga Gniadek" userId="43cb074d-dcd1-4848-963b-d77b93284ad2" providerId="ADAL" clId="{F5658412-CB27-4EA0-9B91-5E2D686EE832}" dt="2022-11-24T13:38:57.162" v="12539" actId="1076"/>
          <ac:picMkLst>
            <pc:docMk/>
            <pc:sldMk cId="2545479707" sldId="280"/>
            <ac:picMk id="8" creationId="{4D74C5B5-BF4C-4743-835C-6D0ABC1B48CC}"/>
          </ac:picMkLst>
        </pc:picChg>
        <pc:picChg chg="del">
          <ac:chgData name="Kinga Gniadek" userId="43cb074d-dcd1-4848-963b-d77b93284ad2" providerId="ADAL" clId="{F5658412-CB27-4EA0-9B91-5E2D686EE832}" dt="2022-11-22T08:20:42.375" v="2229" actId="478"/>
          <ac:picMkLst>
            <pc:docMk/>
            <pc:sldMk cId="2545479707" sldId="280"/>
            <ac:picMk id="25" creationId="{96F49375-3A47-4ABC-A5FE-E17909BE0EC3}"/>
          </ac:picMkLst>
        </pc:picChg>
        <pc:picChg chg="del">
          <ac:chgData name="Kinga Gniadek" userId="43cb074d-dcd1-4848-963b-d77b93284ad2" providerId="ADAL" clId="{F5658412-CB27-4EA0-9B91-5E2D686EE832}" dt="2022-11-22T08:21:01.693" v="2247" actId="478"/>
          <ac:picMkLst>
            <pc:docMk/>
            <pc:sldMk cId="2545479707" sldId="280"/>
            <ac:picMk id="26" creationId="{41CF1B1F-F600-428A-9297-68E80F3414B2}"/>
          </ac:picMkLst>
        </pc:picChg>
        <pc:picChg chg="del">
          <ac:chgData name="Kinga Gniadek" userId="43cb074d-dcd1-4848-963b-d77b93284ad2" providerId="ADAL" clId="{F5658412-CB27-4EA0-9B91-5E2D686EE832}" dt="2022-11-22T08:20:57.544" v="2246" actId="478"/>
          <ac:picMkLst>
            <pc:docMk/>
            <pc:sldMk cId="2545479707" sldId="280"/>
            <ac:picMk id="27" creationId="{03696538-9504-4106-8B1C-3129E25F1519}"/>
          </ac:picMkLst>
        </pc:picChg>
        <pc:picChg chg="del">
          <ac:chgData name="Kinga Gniadek" userId="43cb074d-dcd1-4848-963b-d77b93284ad2" providerId="ADAL" clId="{F5658412-CB27-4EA0-9B91-5E2D686EE832}" dt="2022-11-22T08:21:31.970" v="2270" actId="478"/>
          <ac:picMkLst>
            <pc:docMk/>
            <pc:sldMk cId="2545479707" sldId="280"/>
            <ac:picMk id="28" creationId="{64415B59-8186-4156-999E-95980FAB1D7E}"/>
          </ac:picMkLst>
        </pc:picChg>
        <pc:picChg chg="del">
          <ac:chgData name="Kinga Gniadek" userId="43cb074d-dcd1-4848-963b-d77b93284ad2" providerId="ADAL" clId="{F5658412-CB27-4EA0-9B91-5E2D686EE832}" dt="2022-11-22T08:22:05.057" v="2288" actId="478"/>
          <ac:picMkLst>
            <pc:docMk/>
            <pc:sldMk cId="2545479707" sldId="280"/>
            <ac:picMk id="29" creationId="{5AA25AAF-9997-489B-B66D-A1444200DB85}"/>
          </ac:picMkLst>
        </pc:picChg>
        <pc:picChg chg="del">
          <ac:chgData name="Kinga Gniadek" userId="43cb074d-dcd1-4848-963b-d77b93284ad2" providerId="ADAL" clId="{F5658412-CB27-4EA0-9B91-5E2D686EE832}" dt="2022-11-22T08:22:09.901" v="2292" actId="478"/>
          <ac:picMkLst>
            <pc:docMk/>
            <pc:sldMk cId="2545479707" sldId="280"/>
            <ac:picMk id="30" creationId="{B34176BB-4DDC-441C-B47C-9512A7B0B84B}"/>
          </ac:picMkLst>
        </pc:picChg>
        <pc:picChg chg="add mod">
          <ac:chgData name="Kinga Gniadek" userId="43cb074d-dcd1-4848-963b-d77b93284ad2" providerId="ADAL" clId="{F5658412-CB27-4EA0-9B91-5E2D686EE832}" dt="2022-11-22T08:26:05.386" v="2338"/>
          <ac:picMkLst>
            <pc:docMk/>
            <pc:sldMk cId="2545479707" sldId="280"/>
            <ac:picMk id="32" creationId="{95569775-DF44-40F9-B9B4-B73FB937EA33}"/>
          </ac:picMkLst>
        </pc:picChg>
        <pc:picChg chg="add mod">
          <ac:chgData name="Kinga Gniadek" userId="43cb074d-dcd1-4848-963b-d77b93284ad2" providerId="ADAL" clId="{F5658412-CB27-4EA0-9B91-5E2D686EE832}" dt="2022-11-22T08:31:39.794" v="2415" actId="1076"/>
          <ac:picMkLst>
            <pc:docMk/>
            <pc:sldMk cId="2545479707" sldId="280"/>
            <ac:picMk id="1026" creationId="{6A00C471-3383-4976-8714-786F620138AB}"/>
          </ac:picMkLst>
        </pc:picChg>
        <pc:picChg chg="add del mod">
          <ac:chgData name="Kinga Gniadek" userId="43cb074d-dcd1-4848-963b-d77b93284ad2" providerId="ADAL" clId="{F5658412-CB27-4EA0-9B91-5E2D686EE832}" dt="2022-11-24T13:38:53.970" v="12537" actId="478"/>
          <ac:picMkLst>
            <pc:docMk/>
            <pc:sldMk cId="2545479707" sldId="280"/>
            <ac:picMk id="1028" creationId="{FEE239D2-23F9-473F-A174-F38EA468E09C}"/>
          </ac:picMkLst>
        </pc:picChg>
        <pc:picChg chg="add mod">
          <ac:chgData name="Kinga Gniadek" userId="43cb074d-dcd1-4848-963b-d77b93284ad2" providerId="ADAL" clId="{F5658412-CB27-4EA0-9B91-5E2D686EE832}" dt="2022-11-22T08:31:41.027" v="2416" actId="1076"/>
          <ac:picMkLst>
            <pc:docMk/>
            <pc:sldMk cId="2545479707" sldId="280"/>
            <ac:picMk id="1030" creationId="{5697AC36-26D1-47A7-926E-6189D154EE35}"/>
          </ac:picMkLst>
        </pc:picChg>
        <pc:picChg chg="add mod">
          <ac:chgData name="Kinga Gniadek" userId="43cb074d-dcd1-4848-963b-d77b93284ad2" providerId="ADAL" clId="{F5658412-CB27-4EA0-9B91-5E2D686EE832}" dt="2022-11-22T08:31:37.996" v="2414" actId="1076"/>
          <ac:picMkLst>
            <pc:docMk/>
            <pc:sldMk cId="2545479707" sldId="280"/>
            <ac:picMk id="1032" creationId="{6B33F243-693F-464E-AF2B-AFBEE6F27770}"/>
          </ac:picMkLst>
        </pc:picChg>
      </pc:sldChg>
      <pc:sldChg chg="del">
        <pc:chgData name="Kinga Gniadek" userId="43cb074d-dcd1-4848-963b-d77b93284ad2" providerId="ADAL" clId="{F5658412-CB27-4EA0-9B91-5E2D686EE832}" dt="2022-11-18T11:09:46.490" v="9" actId="47"/>
        <pc:sldMkLst>
          <pc:docMk/>
          <pc:sldMk cId="3982087688" sldId="280"/>
        </pc:sldMkLst>
      </pc:sldChg>
      <pc:sldChg chg="addSp delSp modSp add mod ord modTransition">
        <pc:chgData name="Kinga Gniadek" userId="43cb074d-dcd1-4848-963b-d77b93284ad2" providerId="ADAL" clId="{F5658412-CB27-4EA0-9B91-5E2D686EE832}" dt="2022-12-02T10:26:14.168" v="16704"/>
        <pc:sldMkLst>
          <pc:docMk/>
          <pc:sldMk cId="723220155" sldId="281"/>
        </pc:sldMkLst>
        <pc:spChg chg="add mod">
          <ac:chgData name="Kinga Gniadek" userId="43cb074d-dcd1-4848-963b-d77b93284ad2" providerId="ADAL" clId="{F5658412-CB27-4EA0-9B91-5E2D686EE832}" dt="2022-12-02T10:26:14.168" v="16704"/>
          <ac:spMkLst>
            <pc:docMk/>
            <pc:sldMk cId="723220155" sldId="281"/>
            <ac:spMk id="9" creationId="{7E3ED9F1-5DE4-4836-BF12-A3A628B58D36}"/>
          </ac:spMkLst>
        </pc:spChg>
        <pc:spChg chg="mod">
          <ac:chgData name="Kinga Gniadek" userId="43cb074d-dcd1-4848-963b-d77b93284ad2" providerId="ADAL" clId="{F5658412-CB27-4EA0-9B91-5E2D686EE832}" dt="2022-11-22T08:36:37.065" v="2457" actId="1076"/>
          <ac:spMkLst>
            <pc:docMk/>
            <pc:sldMk cId="723220155" sldId="281"/>
            <ac:spMk id="16" creationId="{A733155C-3D7B-4E23-8ACF-310406D8DE6B}"/>
          </ac:spMkLst>
        </pc:spChg>
        <pc:spChg chg="del mod">
          <ac:chgData name="Kinga Gniadek" userId="43cb074d-dcd1-4848-963b-d77b93284ad2" providerId="ADAL" clId="{F5658412-CB27-4EA0-9B91-5E2D686EE832}" dt="2022-11-22T08:31:54.951" v="2421" actId="478"/>
          <ac:spMkLst>
            <pc:docMk/>
            <pc:sldMk cId="723220155" sldId="281"/>
            <ac:spMk id="19" creationId="{221A0DD5-66AA-4C29-A951-A986673E27EC}"/>
          </ac:spMkLst>
        </pc:spChg>
        <pc:spChg chg="del mod">
          <ac:chgData name="Kinga Gniadek" userId="43cb074d-dcd1-4848-963b-d77b93284ad2" providerId="ADAL" clId="{F5658412-CB27-4EA0-9B91-5E2D686EE832}" dt="2022-11-22T08:31:46.343" v="2417" actId="478"/>
          <ac:spMkLst>
            <pc:docMk/>
            <pc:sldMk cId="723220155" sldId="281"/>
            <ac:spMk id="20" creationId="{13509375-F337-44DD-A937-7BA35B32FE0D}"/>
          </ac:spMkLst>
        </pc:spChg>
        <pc:spChg chg="del mod">
          <ac:chgData name="Kinga Gniadek" userId="43cb074d-dcd1-4848-963b-d77b93284ad2" providerId="ADAL" clId="{F5658412-CB27-4EA0-9B91-5E2D686EE832}" dt="2022-11-22T08:31:49.665" v="2418" actId="478"/>
          <ac:spMkLst>
            <pc:docMk/>
            <pc:sldMk cId="723220155" sldId="281"/>
            <ac:spMk id="21" creationId="{6DED2C04-CD9D-45CA-838E-19B60071DEEB}"/>
          </ac:spMkLst>
        </pc:spChg>
        <pc:spChg chg="del">
          <ac:chgData name="Kinga Gniadek" userId="43cb074d-dcd1-4848-963b-d77b93284ad2" providerId="ADAL" clId="{F5658412-CB27-4EA0-9B91-5E2D686EE832}" dt="2022-11-22T08:30:07.858" v="2383" actId="478"/>
          <ac:spMkLst>
            <pc:docMk/>
            <pc:sldMk cId="723220155" sldId="281"/>
            <ac:spMk id="24" creationId="{970BD84B-48C9-477D-9AAB-595B09D7AD28}"/>
          </ac:spMkLst>
        </pc:spChg>
        <pc:grpChg chg="add del mod">
          <ac:chgData name="Kinga Gniadek" userId="43cb074d-dcd1-4848-963b-d77b93284ad2" providerId="ADAL" clId="{F5658412-CB27-4EA0-9B91-5E2D686EE832}" dt="2022-11-22T08:32:12.884" v="2424" actId="165"/>
          <ac:grpSpMkLst>
            <pc:docMk/>
            <pc:sldMk cId="723220155" sldId="281"/>
            <ac:grpSpMk id="2" creationId="{699803A1-3440-4BAA-BAEA-E9F9F5C57A4A}"/>
          </ac:grpSpMkLst>
        </pc:grpChg>
        <pc:grpChg chg="del mod">
          <ac:chgData name="Kinga Gniadek" userId="43cb074d-dcd1-4848-963b-d77b93284ad2" providerId="ADAL" clId="{F5658412-CB27-4EA0-9B91-5E2D686EE832}" dt="2022-11-22T08:31:49.665" v="2418" actId="478"/>
          <ac:grpSpMkLst>
            <pc:docMk/>
            <pc:sldMk cId="723220155" sldId="281"/>
            <ac:grpSpMk id="31" creationId="{60FA2B76-E0F0-429E-AF50-C57B64B50B43}"/>
          </ac:grpSpMkLst>
        </pc:grpChg>
        <pc:picChg chg="del">
          <ac:chgData name="Kinga Gniadek" userId="43cb074d-dcd1-4848-963b-d77b93284ad2" providerId="ADAL" clId="{F5658412-CB27-4EA0-9B91-5E2D686EE832}" dt="2022-11-22T08:26:36.669" v="2352" actId="478"/>
          <ac:picMkLst>
            <pc:docMk/>
            <pc:sldMk cId="723220155" sldId="281"/>
            <ac:picMk id="1026" creationId="{6A00C471-3383-4976-8714-786F620138AB}"/>
          </ac:picMkLst>
        </pc:picChg>
        <pc:picChg chg="del">
          <ac:chgData name="Kinga Gniadek" userId="43cb074d-dcd1-4848-963b-d77b93284ad2" providerId="ADAL" clId="{F5658412-CB27-4EA0-9B91-5E2D686EE832}" dt="2022-11-22T08:26:37.545" v="2353" actId="478"/>
          <ac:picMkLst>
            <pc:docMk/>
            <pc:sldMk cId="723220155" sldId="281"/>
            <ac:picMk id="1028" creationId="{FEE239D2-23F9-473F-A174-F38EA468E09C}"/>
          </ac:picMkLst>
        </pc:picChg>
        <pc:picChg chg="del">
          <ac:chgData name="Kinga Gniadek" userId="43cb074d-dcd1-4848-963b-d77b93284ad2" providerId="ADAL" clId="{F5658412-CB27-4EA0-9B91-5E2D686EE832}" dt="2022-11-22T08:26:38.092" v="2354" actId="478"/>
          <ac:picMkLst>
            <pc:docMk/>
            <pc:sldMk cId="723220155" sldId="281"/>
            <ac:picMk id="1030" creationId="{5697AC36-26D1-47A7-926E-6189D154EE35}"/>
          </ac:picMkLst>
        </pc:picChg>
        <pc:picChg chg="del">
          <ac:chgData name="Kinga Gniadek" userId="43cb074d-dcd1-4848-963b-d77b93284ad2" providerId="ADAL" clId="{F5658412-CB27-4EA0-9B91-5E2D686EE832}" dt="2022-11-22T08:26:38.729" v="2355" actId="478"/>
          <ac:picMkLst>
            <pc:docMk/>
            <pc:sldMk cId="723220155" sldId="281"/>
            <ac:picMk id="1032" creationId="{6B33F243-693F-464E-AF2B-AFBEE6F27770}"/>
          </ac:picMkLst>
        </pc:picChg>
        <pc:picChg chg="add mod topLvl">
          <ac:chgData name="Kinga Gniadek" userId="43cb074d-dcd1-4848-963b-d77b93284ad2" providerId="ADAL" clId="{F5658412-CB27-4EA0-9B91-5E2D686EE832}" dt="2022-11-22T08:33:55.664" v="2453" actId="1076"/>
          <ac:picMkLst>
            <pc:docMk/>
            <pc:sldMk cId="723220155" sldId="281"/>
            <ac:picMk id="2050" creationId="{CF25A878-EE1B-4B5C-A275-FEC63D76912E}"/>
          </ac:picMkLst>
        </pc:picChg>
        <pc:picChg chg="add del mod topLvl">
          <ac:chgData name="Kinga Gniadek" userId="43cb074d-dcd1-4848-963b-d77b93284ad2" providerId="ADAL" clId="{F5658412-CB27-4EA0-9B91-5E2D686EE832}" dt="2022-11-22T08:33:54.344" v="2452" actId="1076"/>
          <ac:picMkLst>
            <pc:docMk/>
            <pc:sldMk cId="723220155" sldId="281"/>
            <ac:picMk id="2052" creationId="{DFB993E0-2B1E-42A5-B97D-CD16B0A8AB67}"/>
          </ac:picMkLst>
        </pc:picChg>
        <pc:picChg chg="add del mod">
          <ac:chgData name="Kinga Gniadek" userId="43cb074d-dcd1-4848-963b-d77b93284ad2" providerId="ADAL" clId="{F5658412-CB27-4EA0-9B91-5E2D686EE832}" dt="2022-11-22T08:28:53.670" v="2372"/>
          <ac:picMkLst>
            <pc:docMk/>
            <pc:sldMk cId="723220155" sldId="281"/>
            <ac:picMk id="2054" creationId="{1B2C65E0-DCAD-47C0-8889-D3096E20548B}"/>
          </ac:picMkLst>
        </pc:picChg>
        <pc:picChg chg="add del mod topLvl">
          <ac:chgData name="Kinga Gniadek" userId="43cb074d-dcd1-4848-963b-d77b93284ad2" providerId="ADAL" clId="{F5658412-CB27-4EA0-9B91-5E2D686EE832}" dt="2022-11-22T08:33:56.912" v="2454" actId="1076"/>
          <ac:picMkLst>
            <pc:docMk/>
            <pc:sldMk cId="723220155" sldId="281"/>
            <ac:picMk id="2056" creationId="{E00FAF90-138E-4ACB-BCAA-6475D49A7E2E}"/>
          </ac:picMkLst>
        </pc:picChg>
        <pc:picChg chg="add del">
          <ac:chgData name="Kinga Gniadek" userId="43cb074d-dcd1-4848-963b-d77b93284ad2" providerId="ADAL" clId="{F5658412-CB27-4EA0-9B91-5E2D686EE832}" dt="2022-11-22T08:29:56.300" v="2380" actId="478"/>
          <ac:picMkLst>
            <pc:docMk/>
            <pc:sldMk cId="723220155" sldId="281"/>
            <ac:picMk id="2058" creationId="{49021305-9D5E-4425-80DF-1ADDBAB976CC}"/>
          </ac:picMkLst>
        </pc:picChg>
        <pc:picChg chg="add del">
          <ac:chgData name="Kinga Gniadek" userId="43cb074d-dcd1-4848-963b-d77b93284ad2" providerId="ADAL" clId="{F5658412-CB27-4EA0-9B91-5E2D686EE832}" dt="2022-11-22T08:30:03.321" v="2382" actId="478"/>
          <ac:picMkLst>
            <pc:docMk/>
            <pc:sldMk cId="723220155" sldId="281"/>
            <ac:picMk id="2060" creationId="{E2766F19-E94B-4476-A569-21F9D9085FDC}"/>
          </ac:picMkLst>
        </pc:picChg>
        <pc:picChg chg="add del mod">
          <ac:chgData name="Kinga Gniadek" userId="43cb074d-dcd1-4848-963b-d77b93284ad2" providerId="ADAL" clId="{F5658412-CB27-4EA0-9B91-5E2D686EE832}" dt="2022-11-22T08:33:51.777" v="2450" actId="478"/>
          <ac:picMkLst>
            <pc:docMk/>
            <pc:sldMk cId="723220155" sldId="281"/>
            <ac:picMk id="2062" creationId="{3E6EEAD8-A927-452F-9414-5CC6048AFB0D}"/>
          </ac:picMkLst>
        </pc:picChg>
        <pc:picChg chg="add del mod">
          <ac:chgData name="Kinga Gniadek" userId="43cb074d-dcd1-4848-963b-d77b93284ad2" providerId="ADAL" clId="{F5658412-CB27-4EA0-9B91-5E2D686EE832}" dt="2022-11-22T08:33:52.666" v="2451" actId="478"/>
          <ac:picMkLst>
            <pc:docMk/>
            <pc:sldMk cId="723220155" sldId="281"/>
            <ac:picMk id="2064" creationId="{D2C6C5B4-6E58-44AF-B43A-C17747C2B826}"/>
          </ac:picMkLst>
        </pc:picChg>
        <pc:picChg chg="add mod">
          <ac:chgData name="Kinga Gniadek" userId="43cb074d-dcd1-4848-963b-d77b93284ad2" providerId="ADAL" clId="{F5658412-CB27-4EA0-9B91-5E2D686EE832}" dt="2022-11-24T14:21:57.846" v="14895" actId="14100"/>
          <ac:picMkLst>
            <pc:docMk/>
            <pc:sldMk cId="723220155" sldId="281"/>
            <ac:picMk id="5122" creationId="{90B4F3F4-BCDF-449F-81C1-FF6FAE9CE053}"/>
          </ac:picMkLst>
        </pc:picChg>
        <pc:picChg chg="add mod">
          <ac:chgData name="Kinga Gniadek" userId="43cb074d-dcd1-4848-963b-d77b93284ad2" providerId="ADAL" clId="{F5658412-CB27-4EA0-9B91-5E2D686EE832}" dt="2022-11-24T14:22:05.081" v="14897" actId="1076"/>
          <ac:picMkLst>
            <pc:docMk/>
            <pc:sldMk cId="723220155" sldId="281"/>
            <ac:picMk id="5124" creationId="{EFCBDBD6-5442-4F83-B017-11C886F86E9A}"/>
          </ac:picMkLst>
        </pc:picChg>
      </pc:sldChg>
      <pc:sldChg chg="del">
        <pc:chgData name="Kinga Gniadek" userId="43cb074d-dcd1-4848-963b-d77b93284ad2" providerId="ADAL" clId="{F5658412-CB27-4EA0-9B91-5E2D686EE832}" dt="2022-11-18T11:09:41.303" v="5" actId="47"/>
        <pc:sldMkLst>
          <pc:docMk/>
          <pc:sldMk cId="1751820882" sldId="282"/>
        </pc:sldMkLst>
      </pc:sldChg>
      <pc:sldChg chg="del">
        <pc:chgData name="Kinga Gniadek" userId="43cb074d-dcd1-4848-963b-d77b93284ad2" providerId="ADAL" clId="{F5658412-CB27-4EA0-9B91-5E2D686EE832}" dt="2022-11-18T11:09:42.112" v="6" actId="47"/>
        <pc:sldMkLst>
          <pc:docMk/>
          <pc:sldMk cId="802459556" sldId="283"/>
        </pc:sldMkLst>
      </pc:sldChg>
      <pc:sldChg chg="del">
        <pc:chgData name="Kinga Gniadek" userId="43cb074d-dcd1-4848-963b-d77b93284ad2" providerId="ADAL" clId="{F5658412-CB27-4EA0-9B91-5E2D686EE832}" dt="2022-11-18T11:09:38.947" v="3" actId="47"/>
        <pc:sldMkLst>
          <pc:docMk/>
          <pc:sldMk cId="2115836427" sldId="284"/>
        </pc:sldMkLst>
      </pc:sldChg>
      <pc:sldChg chg="addSp delSp modSp add mod modTransition">
        <pc:chgData name="Kinga Gniadek" userId="43cb074d-dcd1-4848-963b-d77b93284ad2" providerId="ADAL" clId="{F5658412-CB27-4EA0-9B91-5E2D686EE832}" dt="2022-12-01T07:21:39.873" v="16047" actId="20577"/>
        <pc:sldMkLst>
          <pc:docMk/>
          <pc:sldMk cId="1369609917" sldId="290"/>
        </pc:sldMkLst>
        <pc:spChg chg="mod">
          <ac:chgData name="Kinga Gniadek" userId="43cb074d-dcd1-4848-963b-d77b93284ad2" providerId="ADAL" clId="{F5658412-CB27-4EA0-9B91-5E2D686EE832}" dt="2022-11-22T09:28:38.985" v="3218" actId="113"/>
          <ac:spMkLst>
            <pc:docMk/>
            <pc:sldMk cId="1369609917" sldId="290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1:38.015" v="16046" actId="20577"/>
          <ac:spMkLst>
            <pc:docMk/>
            <pc:sldMk cId="1369609917" sldId="290"/>
            <ac:spMk id="17" creationId="{64F79DA2-F192-46F8-9918-FDE42342F149}"/>
          </ac:spMkLst>
        </pc:spChg>
        <pc:spChg chg="mod">
          <ac:chgData name="Kinga Gniadek" userId="43cb074d-dcd1-4848-963b-d77b93284ad2" providerId="ADAL" clId="{F5658412-CB27-4EA0-9B91-5E2D686EE832}" dt="2022-12-01T07:21:39.873" v="16047" actId="20577"/>
          <ac:spMkLst>
            <pc:docMk/>
            <pc:sldMk cId="1369609917" sldId="290"/>
            <ac:spMk id="19" creationId="{5DEAE8F4-9644-4E4E-BAC7-3AB1B9593647}"/>
          </ac:spMkLst>
        </pc:spChg>
        <pc:picChg chg="add del">
          <ac:chgData name="Kinga Gniadek" userId="43cb074d-dcd1-4848-963b-d77b93284ad2" providerId="ADAL" clId="{F5658412-CB27-4EA0-9B91-5E2D686EE832}" dt="2022-11-22T09:28:34.810" v="3214" actId="22"/>
          <ac:picMkLst>
            <pc:docMk/>
            <pc:sldMk cId="1369609917" sldId="290"/>
            <ac:picMk id="3" creationId="{77A6347F-B4C3-4A18-ADE6-C1EC76AB8729}"/>
          </ac:picMkLst>
        </pc:picChg>
        <pc:picChg chg="mod">
          <ac:chgData name="Kinga Gniadek" userId="43cb074d-dcd1-4848-963b-d77b93284ad2" providerId="ADAL" clId="{F5658412-CB27-4EA0-9B91-5E2D686EE832}" dt="2022-11-22T09:28:37.428" v="3217" actId="1076"/>
          <ac:picMkLst>
            <pc:docMk/>
            <pc:sldMk cId="1369609917" sldId="290"/>
            <ac:picMk id="5" creationId="{C207980C-DC74-4A3D-98F4-A7CA29DA2373}"/>
          </ac:picMkLst>
        </pc:picChg>
        <pc:picChg chg="mod">
          <ac:chgData name="Kinga Gniadek" userId="43cb074d-dcd1-4848-963b-d77b93284ad2" providerId="ADAL" clId="{F5658412-CB27-4EA0-9B91-5E2D686EE832}" dt="2022-11-22T09:28:37.428" v="3217" actId="1076"/>
          <ac:picMkLst>
            <pc:docMk/>
            <pc:sldMk cId="1369609917" sldId="290"/>
            <ac:picMk id="8" creationId="{523EBA1F-1097-4358-8AF0-BDE9F512EFBF}"/>
          </ac:picMkLst>
        </pc:picChg>
        <pc:picChg chg="mod">
          <ac:chgData name="Kinga Gniadek" userId="43cb074d-dcd1-4848-963b-d77b93284ad2" providerId="ADAL" clId="{F5658412-CB27-4EA0-9B91-5E2D686EE832}" dt="2022-11-22T09:28:37.428" v="3217" actId="1076"/>
          <ac:picMkLst>
            <pc:docMk/>
            <pc:sldMk cId="1369609917" sldId="290"/>
            <ac:picMk id="10" creationId="{3DBEB729-1203-44C5-AFA2-B745B6A191BC}"/>
          </ac:picMkLst>
        </pc:picChg>
        <pc:picChg chg="mod">
          <ac:chgData name="Kinga Gniadek" userId="43cb074d-dcd1-4848-963b-d77b93284ad2" providerId="ADAL" clId="{F5658412-CB27-4EA0-9B91-5E2D686EE832}" dt="2022-11-22T09:28:37.428" v="3217" actId="1076"/>
          <ac:picMkLst>
            <pc:docMk/>
            <pc:sldMk cId="1369609917" sldId="290"/>
            <ac:picMk id="13" creationId="{C1B89E39-78A6-4166-AF93-8F35BC510575}"/>
          </ac:picMkLst>
        </pc:picChg>
      </pc:sldChg>
      <pc:sldChg chg="addSp delSp modSp add del mod ord">
        <pc:chgData name="Kinga Gniadek" userId="43cb074d-dcd1-4848-963b-d77b93284ad2" providerId="ADAL" clId="{F5658412-CB27-4EA0-9B91-5E2D686EE832}" dt="2022-11-22T09:27:56.651" v="3198" actId="47"/>
        <pc:sldMkLst>
          <pc:docMk/>
          <pc:sldMk cId="4193085909" sldId="291"/>
        </pc:sldMkLst>
        <pc:spChg chg="add del mod">
          <ac:chgData name="Kinga Gniadek" userId="43cb074d-dcd1-4848-963b-d77b93284ad2" providerId="ADAL" clId="{F5658412-CB27-4EA0-9B91-5E2D686EE832}" dt="2022-11-22T09:10:48.074" v="3036" actId="21"/>
          <ac:spMkLst>
            <pc:docMk/>
            <pc:sldMk cId="4193085909" sldId="291"/>
            <ac:spMk id="11" creationId="{7997C773-AEF3-47D0-949D-3678ED25E514}"/>
          </ac:spMkLst>
        </pc:spChg>
        <pc:spChg chg="add del mod">
          <ac:chgData name="Kinga Gniadek" userId="43cb074d-dcd1-4848-963b-d77b93284ad2" providerId="ADAL" clId="{F5658412-CB27-4EA0-9B91-5E2D686EE832}" dt="2022-11-22T09:10:48.074" v="3036" actId="21"/>
          <ac:spMkLst>
            <pc:docMk/>
            <pc:sldMk cId="4193085909" sldId="291"/>
            <ac:spMk id="12" creationId="{4B2D00FD-E5EE-4F32-A6BC-F735697893E3}"/>
          </ac:spMkLst>
        </pc:spChg>
        <pc:spChg chg="add del mod">
          <ac:chgData name="Kinga Gniadek" userId="43cb074d-dcd1-4848-963b-d77b93284ad2" providerId="ADAL" clId="{F5658412-CB27-4EA0-9B91-5E2D686EE832}" dt="2022-11-22T08:53:02.113" v="2756" actId="478"/>
          <ac:spMkLst>
            <pc:docMk/>
            <pc:sldMk cId="4193085909" sldId="291"/>
            <ac:spMk id="13" creationId="{DA658AA8-BC9B-404D-9D7F-DB41CEDFF632}"/>
          </ac:spMkLst>
        </pc:spChg>
        <pc:spChg chg="add del mod">
          <ac:chgData name="Kinga Gniadek" userId="43cb074d-dcd1-4848-963b-d77b93284ad2" providerId="ADAL" clId="{F5658412-CB27-4EA0-9B91-5E2D686EE832}" dt="2022-11-22T09:10:48.074" v="3036" actId="21"/>
          <ac:spMkLst>
            <pc:docMk/>
            <pc:sldMk cId="4193085909" sldId="291"/>
            <ac:spMk id="14" creationId="{ED8BE98C-61CE-4060-BF04-E2DC1B8FB381}"/>
          </ac:spMkLst>
        </pc:spChg>
        <pc:spChg chg="mod">
          <ac:chgData name="Kinga Gniadek" userId="43cb074d-dcd1-4848-963b-d77b93284ad2" providerId="ADAL" clId="{F5658412-CB27-4EA0-9B91-5E2D686EE832}" dt="2022-11-22T08:49:21.915" v="2703" actId="20577"/>
          <ac:spMkLst>
            <pc:docMk/>
            <pc:sldMk cId="4193085909" sldId="291"/>
            <ac:spMk id="16" creationId="{A733155C-3D7B-4E23-8ACF-310406D8DE6B}"/>
          </ac:spMkLst>
        </pc:spChg>
        <pc:picChg chg="add del mod">
          <ac:chgData name="Kinga Gniadek" userId="43cb074d-dcd1-4848-963b-d77b93284ad2" providerId="ADAL" clId="{F5658412-CB27-4EA0-9B91-5E2D686EE832}" dt="2022-11-22T08:49:25.426" v="2705" actId="478"/>
          <ac:picMkLst>
            <pc:docMk/>
            <pc:sldMk cId="4193085909" sldId="291"/>
            <ac:picMk id="8" creationId="{60EEBA20-A963-4971-B51F-36CAE92821D8}"/>
          </ac:picMkLst>
        </pc:picChg>
        <pc:picChg chg="add del mod">
          <ac:chgData name="Kinga Gniadek" userId="43cb074d-dcd1-4848-963b-d77b93284ad2" providerId="ADAL" clId="{F5658412-CB27-4EA0-9B91-5E2D686EE832}" dt="2022-11-22T08:49:25.426" v="2705" actId="478"/>
          <ac:picMkLst>
            <pc:docMk/>
            <pc:sldMk cId="4193085909" sldId="291"/>
            <ac:picMk id="9" creationId="{2A0EF1B4-7893-4DD8-B9CD-7F4DEBF73D26}"/>
          </ac:picMkLst>
        </pc:picChg>
        <pc:picChg chg="add del mod">
          <ac:chgData name="Kinga Gniadek" userId="43cb074d-dcd1-4848-963b-d77b93284ad2" providerId="ADAL" clId="{F5658412-CB27-4EA0-9B91-5E2D686EE832}" dt="2022-11-22T08:49:25.426" v="2705" actId="478"/>
          <ac:picMkLst>
            <pc:docMk/>
            <pc:sldMk cId="4193085909" sldId="291"/>
            <ac:picMk id="10" creationId="{15B19023-2B00-4AFC-A145-06292DDC715C}"/>
          </ac:picMkLst>
        </pc:picChg>
        <pc:picChg chg="add mod">
          <ac:chgData name="Kinga Gniadek" userId="43cb074d-dcd1-4848-963b-d77b93284ad2" providerId="ADAL" clId="{F5658412-CB27-4EA0-9B91-5E2D686EE832}" dt="2022-11-22T08:52:09.164" v="2746" actId="1076"/>
          <ac:picMkLst>
            <pc:docMk/>
            <pc:sldMk cId="4193085909" sldId="291"/>
            <ac:picMk id="15" creationId="{97BB6BF9-085E-4D9B-B041-D496248A8E98}"/>
          </ac:picMkLst>
        </pc:picChg>
        <pc:picChg chg="add del mod">
          <ac:chgData name="Kinga Gniadek" userId="43cb074d-dcd1-4848-963b-d77b93284ad2" providerId="ADAL" clId="{F5658412-CB27-4EA0-9B91-5E2D686EE832}" dt="2022-11-22T09:10:01.317" v="3019"/>
          <ac:picMkLst>
            <pc:docMk/>
            <pc:sldMk cId="4193085909" sldId="291"/>
            <ac:picMk id="17" creationId="{1E835F78-3FBB-4088-A9B6-1B1F08FABA1A}"/>
          </ac:picMkLst>
        </pc:picChg>
        <pc:picChg chg="del">
          <ac:chgData name="Kinga Gniadek" userId="43cb074d-dcd1-4848-963b-d77b93284ad2" providerId="ADAL" clId="{F5658412-CB27-4EA0-9B91-5E2D686EE832}" dt="2022-11-22T08:49:29.048" v="2706" actId="478"/>
          <ac:picMkLst>
            <pc:docMk/>
            <pc:sldMk cId="4193085909" sldId="291"/>
            <ac:picMk id="1026" creationId="{6A00C471-3383-4976-8714-786F620138AB}"/>
          </ac:picMkLst>
        </pc:picChg>
        <pc:picChg chg="del">
          <ac:chgData name="Kinga Gniadek" userId="43cb074d-dcd1-4848-963b-d77b93284ad2" providerId="ADAL" clId="{F5658412-CB27-4EA0-9B91-5E2D686EE832}" dt="2022-11-22T08:49:29.048" v="2706" actId="478"/>
          <ac:picMkLst>
            <pc:docMk/>
            <pc:sldMk cId="4193085909" sldId="291"/>
            <ac:picMk id="1028" creationId="{FEE239D2-23F9-473F-A174-F38EA468E09C}"/>
          </ac:picMkLst>
        </pc:picChg>
        <pc:picChg chg="del">
          <ac:chgData name="Kinga Gniadek" userId="43cb074d-dcd1-4848-963b-d77b93284ad2" providerId="ADAL" clId="{F5658412-CB27-4EA0-9B91-5E2D686EE832}" dt="2022-11-22T08:49:25.426" v="2705" actId="478"/>
          <ac:picMkLst>
            <pc:docMk/>
            <pc:sldMk cId="4193085909" sldId="291"/>
            <ac:picMk id="1030" creationId="{5697AC36-26D1-47A7-926E-6189D154EE35}"/>
          </ac:picMkLst>
        </pc:picChg>
        <pc:picChg chg="del">
          <ac:chgData name="Kinga Gniadek" userId="43cb074d-dcd1-4848-963b-d77b93284ad2" providerId="ADAL" clId="{F5658412-CB27-4EA0-9B91-5E2D686EE832}" dt="2022-11-22T08:49:29.048" v="2706" actId="478"/>
          <ac:picMkLst>
            <pc:docMk/>
            <pc:sldMk cId="4193085909" sldId="291"/>
            <ac:picMk id="1032" creationId="{6B33F243-693F-464E-AF2B-AFBEE6F27770}"/>
          </ac:picMkLst>
        </pc:picChg>
      </pc:sldChg>
      <pc:sldChg chg="modSp add del">
        <pc:chgData name="Kinga Gniadek" userId="43cb074d-dcd1-4848-963b-d77b93284ad2" providerId="ADAL" clId="{F5658412-CB27-4EA0-9B91-5E2D686EE832}" dt="2022-11-22T08:50:49.081" v="2716" actId="47"/>
        <pc:sldMkLst>
          <pc:docMk/>
          <pc:sldMk cId="160633959" sldId="292"/>
        </pc:sldMkLst>
        <pc:spChg chg="mod">
          <ac:chgData name="Kinga Gniadek" userId="43cb074d-dcd1-4848-963b-d77b93284ad2" providerId="ADAL" clId="{F5658412-CB27-4EA0-9B91-5E2D686EE832}" dt="2022-11-22T08:50:36.648" v="2711"/>
          <ac:spMkLst>
            <pc:docMk/>
            <pc:sldMk cId="160633959" sldId="292"/>
            <ac:spMk id="4" creationId="{00000000-0000-0000-0000-000000000000}"/>
          </ac:spMkLst>
        </pc:spChg>
        <pc:spChg chg="mod">
          <ac:chgData name="Kinga Gniadek" userId="43cb074d-dcd1-4848-963b-d77b93284ad2" providerId="ADAL" clId="{F5658412-CB27-4EA0-9B91-5E2D686EE832}" dt="2022-11-22T08:50:36.649" v="2715"/>
          <ac:spMkLst>
            <pc:docMk/>
            <pc:sldMk cId="160633959" sldId="292"/>
            <ac:spMk id="33" creationId="{2148C60D-F12B-42C7-8AAD-B30814B3C8B2}"/>
          </ac:spMkLst>
        </pc:spChg>
        <pc:grpChg chg="mod">
          <ac:chgData name="Kinga Gniadek" userId="43cb074d-dcd1-4848-963b-d77b93284ad2" providerId="ADAL" clId="{F5658412-CB27-4EA0-9B91-5E2D686EE832}" dt="2022-11-22T08:50:36.648" v="2713"/>
          <ac:grpSpMkLst>
            <pc:docMk/>
            <pc:sldMk cId="160633959" sldId="292"/>
            <ac:grpSpMk id="34" creationId="{52BFA7C5-56A5-46CA-B51C-C369A465FEBD}"/>
          </ac:grpSpMkLst>
        </pc:grpChg>
      </pc:sldChg>
      <pc:sldChg chg="delSp modSp add del mod ord">
        <pc:chgData name="Kinga Gniadek" userId="43cb074d-dcd1-4848-963b-d77b93284ad2" providerId="ADAL" clId="{F5658412-CB27-4EA0-9B91-5E2D686EE832}" dt="2022-11-22T08:51:39.876" v="2737" actId="47"/>
        <pc:sldMkLst>
          <pc:docMk/>
          <pc:sldMk cId="255842375" sldId="292"/>
        </pc:sldMkLst>
        <pc:spChg chg="mod">
          <ac:chgData name="Kinga Gniadek" userId="43cb074d-dcd1-4848-963b-d77b93284ad2" providerId="ADAL" clId="{F5658412-CB27-4EA0-9B91-5E2D686EE832}" dt="2022-11-22T08:51:28.655" v="2721"/>
          <ac:spMkLst>
            <pc:docMk/>
            <pc:sldMk cId="255842375" sldId="292"/>
            <ac:spMk id="2" creationId="{00000000-0000-0000-0000-000000000000}"/>
          </ac:spMkLst>
        </pc:spChg>
        <pc:spChg chg="del mod">
          <ac:chgData name="Kinga Gniadek" userId="43cb074d-dcd1-4848-963b-d77b93284ad2" providerId="ADAL" clId="{F5658412-CB27-4EA0-9B91-5E2D686EE832}" dt="2022-11-22T08:51:36.532" v="2735" actId="21"/>
          <ac:spMkLst>
            <pc:docMk/>
            <pc:sldMk cId="255842375" sldId="292"/>
            <ac:spMk id="5" creationId="{00000000-0000-0000-0000-000000000000}"/>
          </ac:spMkLst>
        </pc:spChg>
        <pc:spChg chg="del mod">
          <ac:chgData name="Kinga Gniadek" userId="43cb074d-dcd1-4848-963b-d77b93284ad2" providerId="ADAL" clId="{F5658412-CB27-4EA0-9B91-5E2D686EE832}" dt="2022-11-22T08:51:36.532" v="2735" actId="21"/>
          <ac:spMkLst>
            <pc:docMk/>
            <pc:sldMk cId="255842375" sldId="292"/>
            <ac:spMk id="6" creationId="{00000000-0000-0000-0000-000000000000}"/>
          </ac:spMkLst>
        </pc:spChg>
        <pc:spChg chg="del mod">
          <ac:chgData name="Kinga Gniadek" userId="43cb074d-dcd1-4848-963b-d77b93284ad2" providerId="ADAL" clId="{F5658412-CB27-4EA0-9B91-5E2D686EE832}" dt="2022-11-22T08:51:36.532" v="2735" actId="21"/>
          <ac:spMkLst>
            <pc:docMk/>
            <pc:sldMk cId="255842375" sldId="292"/>
            <ac:spMk id="7" creationId="{00000000-0000-0000-0000-000000000000}"/>
          </ac:spMkLst>
        </pc:spChg>
        <pc:spChg chg="del mod">
          <ac:chgData name="Kinga Gniadek" userId="43cb074d-dcd1-4848-963b-d77b93284ad2" providerId="ADAL" clId="{F5658412-CB27-4EA0-9B91-5E2D686EE832}" dt="2022-11-22T08:51:36.532" v="2735" actId="21"/>
          <ac:spMkLst>
            <pc:docMk/>
            <pc:sldMk cId="255842375" sldId="292"/>
            <ac:spMk id="8" creationId="{00000000-0000-0000-0000-000000000000}"/>
          </ac:spMkLst>
        </pc:spChg>
        <pc:picChg chg="mod">
          <ac:chgData name="Kinga Gniadek" userId="43cb074d-dcd1-4848-963b-d77b93284ad2" providerId="ADAL" clId="{F5658412-CB27-4EA0-9B91-5E2D686EE832}" dt="2022-11-22T08:51:28.658" v="2732"/>
          <ac:picMkLst>
            <pc:docMk/>
            <pc:sldMk cId="255842375" sldId="292"/>
            <ac:picMk id="15362" creationId="{DA220944-89FE-4F3F-B175-109EB320E3F5}"/>
          </ac:picMkLst>
        </pc:picChg>
      </pc:sldChg>
      <pc:sldChg chg="addSp delSp modSp add mod ord modTransition">
        <pc:chgData name="Kinga Gniadek" userId="43cb074d-dcd1-4848-963b-d77b93284ad2" providerId="ADAL" clId="{F5658412-CB27-4EA0-9B91-5E2D686EE832}" dt="2022-11-25T06:34:38.451" v="15058" actId="21"/>
        <pc:sldMkLst>
          <pc:docMk/>
          <pc:sldMk cId="513895815" sldId="292"/>
        </pc:sldMkLst>
        <pc:spChg chg="del mod">
          <ac:chgData name="Kinga Gniadek" userId="43cb074d-dcd1-4848-963b-d77b93284ad2" providerId="ADAL" clId="{F5658412-CB27-4EA0-9B91-5E2D686EE832}" dt="2022-11-22T08:54:23.898" v="2822" actId="478"/>
          <ac:spMkLst>
            <pc:docMk/>
            <pc:sldMk cId="513895815" sldId="292"/>
            <ac:spMk id="4" creationId="{9D1603A8-B106-49C8-9A85-772F771CEA7B}"/>
          </ac:spMkLst>
        </pc:spChg>
        <pc:spChg chg="del mod">
          <ac:chgData name="Kinga Gniadek" userId="43cb074d-dcd1-4848-963b-d77b93284ad2" providerId="ADAL" clId="{F5658412-CB27-4EA0-9B91-5E2D686EE832}" dt="2022-11-22T08:54:23.898" v="2822" actId="478"/>
          <ac:spMkLst>
            <pc:docMk/>
            <pc:sldMk cId="513895815" sldId="292"/>
            <ac:spMk id="5" creationId="{EBE0C4A5-D42F-44F1-9F5A-67BBFB530625}"/>
          </ac:spMkLst>
        </pc:spChg>
        <pc:spChg chg="del mod">
          <ac:chgData name="Kinga Gniadek" userId="43cb074d-dcd1-4848-963b-d77b93284ad2" providerId="ADAL" clId="{F5658412-CB27-4EA0-9B91-5E2D686EE832}" dt="2022-11-22T08:54:23.898" v="2822" actId="478"/>
          <ac:spMkLst>
            <pc:docMk/>
            <pc:sldMk cId="513895815" sldId="292"/>
            <ac:spMk id="6" creationId="{DE95ACB9-B873-474F-98C6-A4E2DBDA48CF}"/>
          </ac:spMkLst>
        </pc:spChg>
        <pc:spChg chg="del mod">
          <ac:chgData name="Kinga Gniadek" userId="43cb074d-dcd1-4848-963b-d77b93284ad2" providerId="ADAL" clId="{F5658412-CB27-4EA0-9B91-5E2D686EE832}" dt="2022-11-22T08:54:23.898" v="2822" actId="478"/>
          <ac:spMkLst>
            <pc:docMk/>
            <pc:sldMk cId="513895815" sldId="292"/>
            <ac:spMk id="7" creationId="{2B57716A-DE29-404B-8783-EC5EAC0E6C59}"/>
          </ac:spMkLst>
        </pc:spChg>
        <pc:spChg chg="del mod">
          <ac:chgData name="Kinga Gniadek" userId="43cb074d-dcd1-4848-963b-d77b93284ad2" providerId="ADAL" clId="{F5658412-CB27-4EA0-9B91-5E2D686EE832}" dt="2022-11-22T08:54:23.898" v="2822" actId="478"/>
          <ac:spMkLst>
            <pc:docMk/>
            <pc:sldMk cId="513895815" sldId="292"/>
            <ac:spMk id="8" creationId="{C845FF77-4366-46F5-98BF-D30F6C614057}"/>
          </ac:spMkLst>
        </pc:spChg>
        <pc:spChg chg="add mod">
          <ac:chgData name="Kinga Gniadek" userId="43cb074d-dcd1-4848-963b-d77b93284ad2" providerId="ADAL" clId="{F5658412-CB27-4EA0-9B91-5E2D686EE832}" dt="2022-11-22T08:54:51.142" v="2830" actId="1076"/>
          <ac:spMkLst>
            <pc:docMk/>
            <pc:sldMk cId="513895815" sldId="292"/>
            <ac:spMk id="10" creationId="{7C5FE611-39EE-4B46-AE3D-20B79AE0A055}"/>
          </ac:spMkLst>
        </pc:spChg>
        <pc:spChg chg="add mod">
          <ac:chgData name="Kinga Gniadek" userId="43cb074d-dcd1-4848-963b-d77b93284ad2" providerId="ADAL" clId="{F5658412-CB27-4EA0-9B91-5E2D686EE832}" dt="2022-11-22T08:55:31.676" v="2839" actId="1076"/>
          <ac:spMkLst>
            <pc:docMk/>
            <pc:sldMk cId="513895815" sldId="292"/>
            <ac:spMk id="11" creationId="{3B82196B-FF1B-419C-9DC4-26B79675B636}"/>
          </ac:spMkLst>
        </pc:spChg>
        <pc:picChg chg="add del mod">
          <ac:chgData name="Kinga Gniadek" userId="43cb074d-dcd1-4848-963b-d77b93284ad2" providerId="ADAL" clId="{F5658412-CB27-4EA0-9B91-5E2D686EE832}" dt="2022-11-25T06:34:38.451" v="15058" actId="21"/>
          <ac:picMkLst>
            <pc:docMk/>
            <pc:sldMk cId="513895815" sldId="292"/>
            <ac:picMk id="3" creationId="{3F8D8702-4129-4C05-82FD-4FF019ED845E}"/>
          </ac:picMkLst>
        </pc:picChg>
        <pc:picChg chg="mod modCrop">
          <ac:chgData name="Kinga Gniadek" userId="43cb074d-dcd1-4848-963b-d77b93284ad2" providerId="ADAL" clId="{F5658412-CB27-4EA0-9B91-5E2D686EE832}" dt="2022-11-22T08:54:46.745" v="2829" actId="1076"/>
          <ac:picMkLst>
            <pc:docMk/>
            <pc:sldMk cId="513895815" sldId="292"/>
            <ac:picMk id="9" creationId="{82CCACEA-EF29-4656-BD09-045D0E2DF861}"/>
          </ac:picMkLst>
        </pc:picChg>
        <pc:picChg chg="mod modCrop">
          <ac:chgData name="Kinga Gniadek" userId="43cb074d-dcd1-4848-963b-d77b93284ad2" providerId="ADAL" clId="{F5658412-CB27-4EA0-9B91-5E2D686EE832}" dt="2022-11-22T08:54:08.692" v="2819"/>
          <ac:picMkLst>
            <pc:docMk/>
            <pc:sldMk cId="513895815" sldId="292"/>
            <ac:picMk id="12" creationId="{123626AC-1355-4AB8-B034-146B7B48F9BE}"/>
          </ac:picMkLst>
        </pc:picChg>
      </pc:sldChg>
      <pc:sldChg chg="modSp add del mod">
        <pc:chgData name="Kinga Gniadek" userId="43cb074d-dcd1-4848-963b-d77b93284ad2" providerId="ADAL" clId="{F5658412-CB27-4EA0-9B91-5E2D686EE832}" dt="2022-11-22T08:53:58.152" v="2800" actId="47"/>
        <pc:sldMkLst>
          <pc:docMk/>
          <pc:sldMk cId="2565441766" sldId="292"/>
        </pc:sldMkLst>
        <pc:spChg chg="mod">
          <ac:chgData name="Kinga Gniadek" userId="43cb074d-dcd1-4848-963b-d77b93284ad2" providerId="ADAL" clId="{F5658412-CB27-4EA0-9B91-5E2D686EE832}" dt="2022-11-22T08:53:51.741" v="2769"/>
          <ac:spMkLst>
            <pc:docMk/>
            <pc:sldMk cId="2565441766" sldId="292"/>
            <ac:spMk id="4" creationId="{9D1603A8-B106-49C8-9A85-772F771CEA7B}"/>
          </ac:spMkLst>
        </pc:spChg>
        <pc:spChg chg="mod">
          <ac:chgData name="Kinga Gniadek" userId="43cb074d-dcd1-4848-963b-d77b93284ad2" providerId="ADAL" clId="{F5658412-CB27-4EA0-9B91-5E2D686EE832}" dt="2022-11-22T08:53:51.741" v="2771"/>
          <ac:spMkLst>
            <pc:docMk/>
            <pc:sldMk cId="2565441766" sldId="292"/>
            <ac:spMk id="5" creationId="{EBE0C4A5-D42F-44F1-9F5A-67BBFB530625}"/>
          </ac:spMkLst>
        </pc:spChg>
        <pc:spChg chg="mod">
          <ac:chgData name="Kinga Gniadek" userId="43cb074d-dcd1-4848-963b-d77b93284ad2" providerId="ADAL" clId="{F5658412-CB27-4EA0-9B91-5E2D686EE832}" dt="2022-11-22T08:53:51.741" v="2773"/>
          <ac:spMkLst>
            <pc:docMk/>
            <pc:sldMk cId="2565441766" sldId="292"/>
            <ac:spMk id="6" creationId="{DE95ACB9-B873-474F-98C6-A4E2DBDA48CF}"/>
          </ac:spMkLst>
        </pc:spChg>
        <pc:spChg chg="mod">
          <ac:chgData name="Kinga Gniadek" userId="43cb074d-dcd1-4848-963b-d77b93284ad2" providerId="ADAL" clId="{F5658412-CB27-4EA0-9B91-5E2D686EE832}" dt="2022-11-22T08:53:51.741" v="2775"/>
          <ac:spMkLst>
            <pc:docMk/>
            <pc:sldMk cId="2565441766" sldId="292"/>
            <ac:spMk id="7" creationId="{2B57716A-DE29-404B-8783-EC5EAC0E6C59}"/>
          </ac:spMkLst>
        </pc:spChg>
        <pc:spChg chg="mod">
          <ac:chgData name="Kinga Gniadek" userId="43cb074d-dcd1-4848-963b-d77b93284ad2" providerId="ADAL" clId="{F5658412-CB27-4EA0-9B91-5E2D686EE832}" dt="2022-11-22T08:53:51.742" v="2777"/>
          <ac:spMkLst>
            <pc:docMk/>
            <pc:sldMk cId="2565441766" sldId="292"/>
            <ac:spMk id="8" creationId="{C845FF77-4366-46F5-98BF-D30F6C614057}"/>
          </ac:spMkLst>
        </pc:spChg>
        <pc:picChg chg="mod modCrop">
          <ac:chgData name="Kinga Gniadek" userId="43cb074d-dcd1-4848-963b-d77b93284ad2" providerId="ADAL" clId="{F5658412-CB27-4EA0-9B91-5E2D686EE832}" dt="2022-11-22T08:53:51.740" v="2767"/>
          <ac:picMkLst>
            <pc:docMk/>
            <pc:sldMk cId="2565441766" sldId="292"/>
            <ac:picMk id="3" creationId="{54B47622-FE90-4CEC-A309-972D2FF826D6}"/>
          </ac:picMkLst>
        </pc:picChg>
        <pc:picChg chg="mod modCrop">
          <ac:chgData name="Kinga Gniadek" userId="43cb074d-dcd1-4848-963b-d77b93284ad2" providerId="ADAL" clId="{F5658412-CB27-4EA0-9B91-5E2D686EE832}" dt="2022-11-22T08:53:51.743" v="2780"/>
          <ac:picMkLst>
            <pc:docMk/>
            <pc:sldMk cId="2565441766" sldId="292"/>
            <ac:picMk id="12" creationId="{123626AC-1355-4AB8-B034-146B7B48F9BE}"/>
          </ac:picMkLst>
        </pc:picChg>
      </pc:sldChg>
      <pc:sldChg chg="modSp add del mod">
        <pc:chgData name="Kinga Gniadek" userId="43cb074d-dcd1-4848-963b-d77b93284ad2" providerId="ADAL" clId="{F5658412-CB27-4EA0-9B91-5E2D686EE832}" dt="2022-11-22T08:53:58.152" v="2800" actId="47"/>
        <pc:sldMkLst>
          <pc:docMk/>
          <pc:sldMk cId="351591900" sldId="293"/>
        </pc:sldMkLst>
        <pc:spChg chg="mod">
          <ac:chgData name="Kinga Gniadek" userId="43cb074d-dcd1-4848-963b-d77b93284ad2" providerId="ADAL" clId="{F5658412-CB27-4EA0-9B91-5E2D686EE832}" dt="2022-11-22T08:53:54.700" v="2788"/>
          <ac:spMkLst>
            <pc:docMk/>
            <pc:sldMk cId="351591900" sldId="293"/>
            <ac:spMk id="4" creationId="{9D1603A8-B106-49C8-9A85-772F771CEA7B}"/>
          </ac:spMkLst>
        </pc:spChg>
        <pc:spChg chg="mod">
          <ac:chgData name="Kinga Gniadek" userId="43cb074d-dcd1-4848-963b-d77b93284ad2" providerId="ADAL" clId="{F5658412-CB27-4EA0-9B91-5E2D686EE832}" dt="2022-11-22T08:53:54.701" v="2790"/>
          <ac:spMkLst>
            <pc:docMk/>
            <pc:sldMk cId="351591900" sldId="293"/>
            <ac:spMk id="5" creationId="{EBE0C4A5-D42F-44F1-9F5A-67BBFB530625}"/>
          </ac:spMkLst>
        </pc:spChg>
        <pc:spChg chg="mod">
          <ac:chgData name="Kinga Gniadek" userId="43cb074d-dcd1-4848-963b-d77b93284ad2" providerId="ADAL" clId="{F5658412-CB27-4EA0-9B91-5E2D686EE832}" dt="2022-11-22T08:53:54.701" v="2792"/>
          <ac:spMkLst>
            <pc:docMk/>
            <pc:sldMk cId="351591900" sldId="293"/>
            <ac:spMk id="6" creationId="{DE95ACB9-B873-474F-98C6-A4E2DBDA48CF}"/>
          </ac:spMkLst>
        </pc:spChg>
        <pc:spChg chg="mod">
          <ac:chgData name="Kinga Gniadek" userId="43cb074d-dcd1-4848-963b-d77b93284ad2" providerId="ADAL" clId="{F5658412-CB27-4EA0-9B91-5E2D686EE832}" dt="2022-11-22T08:53:54.701" v="2794"/>
          <ac:spMkLst>
            <pc:docMk/>
            <pc:sldMk cId="351591900" sldId="293"/>
            <ac:spMk id="7" creationId="{2B57716A-DE29-404B-8783-EC5EAC0E6C59}"/>
          </ac:spMkLst>
        </pc:spChg>
        <pc:spChg chg="mod">
          <ac:chgData name="Kinga Gniadek" userId="43cb074d-dcd1-4848-963b-d77b93284ad2" providerId="ADAL" clId="{F5658412-CB27-4EA0-9B91-5E2D686EE832}" dt="2022-11-22T08:53:54.702" v="2796"/>
          <ac:spMkLst>
            <pc:docMk/>
            <pc:sldMk cId="351591900" sldId="293"/>
            <ac:spMk id="8" creationId="{C845FF77-4366-46F5-98BF-D30F6C614057}"/>
          </ac:spMkLst>
        </pc:spChg>
        <pc:picChg chg="mod modCrop">
          <ac:chgData name="Kinga Gniadek" userId="43cb074d-dcd1-4848-963b-d77b93284ad2" providerId="ADAL" clId="{F5658412-CB27-4EA0-9B91-5E2D686EE832}" dt="2022-11-22T08:53:54.700" v="2786"/>
          <ac:picMkLst>
            <pc:docMk/>
            <pc:sldMk cId="351591900" sldId="293"/>
            <ac:picMk id="3" creationId="{48606DD1-4D1C-424A-AE46-FED1BD24A9B3}"/>
          </ac:picMkLst>
        </pc:picChg>
        <pc:picChg chg="mod modCrop">
          <ac:chgData name="Kinga Gniadek" userId="43cb074d-dcd1-4848-963b-d77b93284ad2" providerId="ADAL" clId="{F5658412-CB27-4EA0-9B91-5E2D686EE832}" dt="2022-11-22T08:53:54.702" v="2799"/>
          <ac:picMkLst>
            <pc:docMk/>
            <pc:sldMk cId="351591900" sldId="293"/>
            <ac:picMk id="12" creationId="{123626AC-1355-4AB8-B034-146B7B48F9BE}"/>
          </ac:picMkLst>
        </pc:picChg>
      </pc:sldChg>
      <pc:sldChg chg="addSp delSp modSp add mod modTransition modNotesTx">
        <pc:chgData name="Kinga Gniadek" userId="43cb074d-dcd1-4848-963b-d77b93284ad2" providerId="ADAL" clId="{F5658412-CB27-4EA0-9B91-5E2D686EE832}" dt="2022-12-02T12:33:22.541" v="16718" actId="20577"/>
        <pc:sldMkLst>
          <pc:docMk/>
          <pc:sldMk cId="1388213951" sldId="293"/>
        </pc:sldMkLst>
        <pc:spChg chg="del">
          <ac:chgData name="Kinga Gniadek" userId="43cb074d-dcd1-4848-963b-d77b93284ad2" providerId="ADAL" clId="{F5658412-CB27-4EA0-9B91-5E2D686EE832}" dt="2022-12-02T10:04:33.833" v="16604" actId="478"/>
          <ac:spMkLst>
            <pc:docMk/>
            <pc:sldMk cId="1388213951" sldId="293"/>
            <ac:spMk id="5" creationId="{09BA9899-1F62-AFEC-5586-BE161F772358}"/>
          </ac:spMkLst>
        </pc:spChg>
        <pc:spChg chg="add del">
          <ac:chgData name="Kinga Gniadek" userId="43cb074d-dcd1-4848-963b-d77b93284ad2" providerId="ADAL" clId="{F5658412-CB27-4EA0-9B91-5E2D686EE832}" dt="2022-12-02T10:04:22.659" v="16602" actId="478"/>
          <ac:spMkLst>
            <pc:docMk/>
            <pc:sldMk cId="1388213951" sldId="293"/>
            <ac:spMk id="8" creationId="{41515628-C722-4D7A-B995-BB52C395CB5C}"/>
          </ac:spMkLst>
        </pc:spChg>
        <pc:spChg chg="add mod">
          <ac:chgData name="Kinga Gniadek" userId="43cb074d-dcd1-4848-963b-d77b93284ad2" providerId="ADAL" clId="{F5658412-CB27-4EA0-9B91-5E2D686EE832}" dt="2022-11-22T09:03:44.239" v="3002" actId="164"/>
          <ac:spMkLst>
            <pc:docMk/>
            <pc:sldMk cId="1388213951" sldId="293"/>
            <ac:spMk id="9" creationId="{F866D14D-D5A8-4318-AC64-2584DA9FE128}"/>
          </ac:spMkLst>
        </pc:spChg>
        <pc:spChg chg="add">
          <ac:chgData name="Kinga Gniadek" userId="43cb074d-dcd1-4848-963b-d77b93284ad2" providerId="ADAL" clId="{F5658412-CB27-4EA0-9B91-5E2D686EE832}" dt="2022-12-02T10:04:31.744" v="16603" actId="11529"/>
          <ac:spMkLst>
            <pc:docMk/>
            <pc:sldMk cId="1388213951" sldId="293"/>
            <ac:spMk id="11" creationId="{A1DBE712-91AA-49CC-A47B-71333313CBC5}"/>
          </ac:spMkLst>
        </pc:spChg>
        <pc:spChg chg="add del mod">
          <ac:chgData name="Kinga Gniadek" userId="43cb074d-dcd1-4848-963b-d77b93284ad2" providerId="ADAL" clId="{F5658412-CB27-4EA0-9B91-5E2D686EE832}" dt="2022-11-22T08:58:39.828" v="2909" actId="478"/>
          <ac:spMkLst>
            <pc:docMk/>
            <pc:sldMk cId="1388213951" sldId="293"/>
            <ac:spMk id="11" creationId="{EB10F864-7FE4-4E5F-8DEB-B8091B953865}"/>
          </ac:spMkLst>
        </pc:spChg>
        <pc:spChg chg="mod">
          <ac:chgData name="Kinga Gniadek" userId="43cb074d-dcd1-4848-963b-d77b93284ad2" providerId="ADAL" clId="{F5658412-CB27-4EA0-9B91-5E2D686EE832}" dt="2022-11-22T09:28:31.890" v="3212" actId="113"/>
          <ac:spMkLst>
            <pc:docMk/>
            <pc:sldMk cId="1388213951" sldId="293"/>
            <ac:spMk id="12" creationId="{4FFB8876-A80B-45BF-B457-69F329D40EAB}"/>
          </ac:spMkLst>
        </pc:spChg>
        <pc:spChg chg="add mod">
          <ac:chgData name="Kinga Gniadek" userId="43cb074d-dcd1-4848-963b-d77b93284ad2" providerId="ADAL" clId="{F5658412-CB27-4EA0-9B91-5E2D686EE832}" dt="2022-12-02T09:54:50.377" v="16464" actId="20577"/>
          <ac:spMkLst>
            <pc:docMk/>
            <pc:sldMk cId="1388213951" sldId="293"/>
            <ac:spMk id="14" creationId="{B6CA66AD-D631-4C5E-A924-BC952D4B4394}"/>
          </ac:spMkLst>
        </pc:spChg>
        <pc:spChg chg="add mod">
          <ac:chgData name="Kinga Gniadek" userId="43cb074d-dcd1-4848-963b-d77b93284ad2" providerId="ADAL" clId="{F5658412-CB27-4EA0-9B91-5E2D686EE832}" dt="2022-11-22T09:03:47.764" v="3003" actId="164"/>
          <ac:spMkLst>
            <pc:docMk/>
            <pc:sldMk cId="1388213951" sldId="293"/>
            <ac:spMk id="15" creationId="{8E75EA6B-92DA-4B13-9F06-604304A44ADA}"/>
          </ac:spMkLst>
        </pc:spChg>
        <pc:spChg chg="add mod">
          <ac:chgData name="Kinga Gniadek" userId="43cb074d-dcd1-4848-963b-d77b93284ad2" providerId="ADAL" clId="{F5658412-CB27-4EA0-9B91-5E2D686EE832}" dt="2022-12-02T07:08:15.842" v="16407" actId="20577"/>
          <ac:spMkLst>
            <pc:docMk/>
            <pc:sldMk cId="1388213951" sldId="293"/>
            <ac:spMk id="16" creationId="{BD35B5D5-64E3-4CC1-ABDC-8B5C51E947A3}"/>
          </ac:spMkLst>
        </pc:spChg>
        <pc:spChg chg="del">
          <ac:chgData name="Kinga Gniadek" userId="43cb074d-dcd1-4848-963b-d77b93284ad2" providerId="ADAL" clId="{F5658412-CB27-4EA0-9B91-5E2D686EE832}" dt="2022-11-22T08:58:06.460" v="2898" actId="478"/>
          <ac:spMkLst>
            <pc:docMk/>
            <pc:sldMk cId="1388213951" sldId="293"/>
            <ac:spMk id="17" creationId="{64F79DA2-F192-46F8-9918-FDE42342F149}"/>
          </ac:spMkLst>
        </pc:spChg>
        <pc:spChg chg="add mod">
          <ac:chgData name="Kinga Gniadek" userId="43cb074d-dcd1-4848-963b-d77b93284ad2" providerId="ADAL" clId="{F5658412-CB27-4EA0-9B91-5E2D686EE832}" dt="2022-11-22T09:03:51.071" v="3004" actId="164"/>
          <ac:spMkLst>
            <pc:docMk/>
            <pc:sldMk cId="1388213951" sldId="293"/>
            <ac:spMk id="18" creationId="{326109FD-5816-4E1A-B566-EA86D330FA5A}"/>
          </ac:spMkLst>
        </pc:spChg>
        <pc:spChg chg="del">
          <ac:chgData name="Kinga Gniadek" userId="43cb074d-dcd1-4848-963b-d77b93284ad2" providerId="ADAL" clId="{F5658412-CB27-4EA0-9B91-5E2D686EE832}" dt="2022-11-22T08:58:06.460" v="2898" actId="478"/>
          <ac:spMkLst>
            <pc:docMk/>
            <pc:sldMk cId="1388213951" sldId="293"/>
            <ac:spMk id="19" creationId="{5DEAE8F4-9644-4E4E-BAC7-3AB1B9593647}"/>
          </ac:spMkLst>
        </pc:spChg>
        <pc:spChg chg="add mod">
          <ac:chgData name="Kinga Gniadek" userId="43cb074d-dcd1-4848-963b-d77b93284ad2" providerId="ADAL" clId="{F5658412-CB27-4EA0-9B91-5E2D686EE832}" dt="2022-11-22T09:03:51.071" v="3004" actId="164"/>
          <ac:spMkLst>
            <pc:docMk/>
            <pc:sldMk cId="1388213951" sldId="293"/>
            <ac:spMk id="20" creationId="{1C592382-B635-44BA-9B6F-8F284603A756}"/>
          </ac:spMkLst>
        </pc:spChg>
        <pc:spChg chg="add mod">
          <ac:chgData name="Kinga Gniadek" userId="43cb074d-dcd1-4848-963b-d77b93284ad2" providerId="ADAL" clId="{F5658412-CB27-4EA0-9B91-5E2D686EE832}" dt="2022-11-22T09:03:54.077" v="3005" actId="164"/>
          <ac:spMkLst>
            <pc:docMk/>
            <pc:sldMk cId="1388213951" sldId="293"/>
            <ac:spMk id="21" creationId="{EB23A800-8A6C-402C-91C2-34C0BBE86002}"/>
          </ac:spMkLst>
        </pc:spChg>
        <pc:spChg chg="add mod">
          <ac:chgData name="Kinga Gniadek" userId="43cb074d-dcd1-4848-963b-d77b93284ad2" providerId="ADAL" clId="{F5658412-CB27-4EA0-9B91-5E2D686EE832}" dt="2022-12-02T12:33:22.541" v="16718" actId="20577"/>
          <ac:spMkLst>
            <pc:docMk/>
            <pc:sldMk cId="1388213951" sldId="293"/>
            <ac:spMk id="22" creationId="{BD899B5D-A80B-4269-9A2A-0A27B53CCE55}"/>
          </ac:spMkLst>
        </pc:spChg>
        <pc:grpChg chg="add mod">
          <ac:chgData name="Kinga Gniadek" userId="43cb074d-dcd1-4848-963b-d77b93284ad2" providerId="ADAL" clId="{F5658412-CB27-4EA0-9B91-5E2D686EE832}" dt="2022-11-22T09:03:57.032" v="3006" actId="1076"/>
          <ac:grpSpMkLst>
            <pc:docMk/>
            <pc:sldMk cId="1388213951" sldId="293"/>
            <ac:grpSpMk id="2" creationId="{068A1966-6973-446A-B880-40779AD101FA}"/>
          </ac:grpSpMkLst>
        </pc:grpChg>
        <pc:grpChg chg="add mod">
          <ac:chgData name="Kinga Gniadek" userId="43cb074d-dcd1-4848-963b-d77b93284ad2" providerId="ADAL" clId="{F5658412-CB27-4EA0-9B91-5E2D686EE832}" dt="2022-11-22T09:04:01.920" v="3007" actId="1076"/>
          <ac:grpSpMkLst>
            <pc:docMk/>
            <pc:sldMk cId="1388213951" sldId="293"/>
            <ac:grpSpMk id="3" creationId="{30914637-BD16-40BE-AED2-531249B6431D}"/>
          </ac:grpSpMkLst>
        </pc:grpChg>
        <pc:grpChg chg="add mod">
          <ac:chgData name="Kinga Gniadek" userId="43cb074d-dcd1-4848-963b-d77b93284ad2" providerId="ADAL" clId="{F5658412-CB27-4EA0-9B91-5E2D686EE832}" dt="2022-11-24T10:42:56.229" v="11867" actId="1076"/>
          <ac:grpSpMkLst>
            <pc:docMk/>
            <pc:sldMk cId="1388213951" sldId="293"/>
            <ac:grpSpMk id="4" creationId="{940E25F6-A6D3-49CA-89CE-1F7843279E67}"/>
          </ac:grpSpMkLst>
        </pc:grpChg>
        <pc:grpChg chg="add del mod">
          <ac:chgData name="Kinga Gniadek" userId="43cb074d-dcd1-4848-963b-d77b93284ad2" providerId="ADAL" clId="{F5658412-CB27-4EA0-9B91-5E2D686EE832}" dt="2022-11-24T10:42:56.583" v="11868" actId="478"/>
          <ac:grpSpMkLst>
            <pc:docMk/>
            <pc:sldMk cId="1388213951" sldId="293"/>
            <ac:grpSpMk id="6" creationId="{5CD0D2E4-E3D6-4886-A012-4115CFB8A95C}"/>
          </ac:grpSpMkLst>
        </pc:grpChg>
        <pc:picChg chg="del">
          <ac:chgData name="Kinga Gniadek" userId="43cb074d-dcd1-4848-963b-d77b93284ad2" providerId="ADAL" clId="{F5658412-CB27-4EA0-9B91-5E2D686EE832}" dt="2022-11-22T08:58:06.460" v="2898" actId="478"/>
          <ac:picMkLst>
            <pc:docMk/>
            <pc:sldMk cId="1388213951" sldId="293"/>
            <ac:picMk id="5" creationId="{C207980C-DC74-4A3D-98F4-A7CA29DA2373}"/>
          </ac:picMkLst>
        </pc:picChg>
        <pc:picChg chg="del">
          <ac:chgData name="Kinga Gniadek" userId="43cb074d-dcd1-4848-963b-d77b93284ad2" providerId="ADAL" clId="{F5658412-CB27-4EA0-9B91-5E2D686EE832}" dt="2022-11-22T08:58:06.460" v="2898" actId="478"/>
          <ac:picMkLst>
            <pc:docMk/>
            <pc:sldMk cId="1388213951" sldId="293"/>
            <ac:picMk id="8" creationId="{523EBA1F-1097-4358-8AF0-BDE9F512EFBF}"/>
          </ac:picMkLst>
        </pc:picChg>
        <pc:picChg chg="mod">
          <ac:chgData name="Kinga Gniadek" userId="43cb074d-dcd1-4848-963b-d77b93284ad2" providerId="ADAL" clId="{F5658412-CB27-4EA0-9B91-5E2D686EE832}" dt="2022-11-22T09:03:29.732" v="3001" actId="1076"/>
          <ac:picMkLst>
            <pc:docMk/>
            <pc:sldMk cId="1388213951" sldId="293"/>
            <ac:picMk id="10" creationId="{3DBEB729-1203-44C5-AFA2-B745B6A191BC}"/>
          </ac:picMkLst>
        </pc:picChg>
      </pc:sldChg>
      <pc:sldChg chg="addSp delSp modSp add del mod">
        <pc:chgData name="Kinga Gniadek" userId="43cb074d-dcd1-4848-963b-d77b93284ad2" providerId="ADAL" clId="{F5658412-CB27-4EA0-9B91-5E2D686EE832}" dt="2022-11-22T08:58:00.731" v="2896" actId="47"/>
        <pc:sldMkLst>
          <pc:docMk/>
          <pc:sldMk cId="3360641507" sldId="293"/>
        </pc:sldMkLst>
        <pc:spChg chg="add del mod">
          <ac:chgData name="Kinga Gniadek" userId="43cb074d-dcd1-4848-963b-d77b93284ad2" providerId="ADAL" clId="{F5658412-CB27-4EA0-9B91-5E2D686EE832}" dt="2022-11-22T08:56:10.151" v="2861" actId="478"/>
          <ac:spMkLst>
            <pc:docMk/>
            <pc:sldMk cId="3360641507" sldId="293"/>
            <ac:spMk id="2" creationId="{D731ECFF-8A5D-4C7F-B607-F5CB5C429299}"/>
          </ac:spMkLst>
        </pc:spChg>
        <pc:spChg chg="add del mod">
          <ac:chgData name="Kinga Gniadek" userId="43cb074d-dcd1-4848-963b-d77b93284ad2" providerId="ADAL" clId="{F5658412-CB27-4EA0-9B91-5E2D686EE832}" dt="2022-11-22T08:56:10.151" v="2861" actId="478"/>
          <ac:spMkLst>
            <pc:docMk/>
            <pc:sldMk cId="3360641507" sldId="293"/>
            <ac:spMk id="3" creationId="{E0B9CDCC-2BF2-4775-910F-DF3BE4E3BB3F}"/>
          </ac:spMkLst>
        </pc:spChg>
        <pc:spChg chg="add del mod">
          <ac:chgData name="Kinga Gniadek" userId="43cb074d-dcd1-4848-963b-d77b93284ad2" providerId="ADAL" clId="{F5658412-CB27-4EA0-9B91-5E2D686EE832}" dt="2022-11-22T08:56:10.151" v="2861" actId="478"/>
          <ac:spMkLst>
            <pc:docMk/>
            <pc:sldMk cId="3360641507" sldId="293"/>
            <ac:spMk id="4" creationId="{F82BBAC8-6B22-4383-AF77-5ED162C2D1C0}"/>
          </ac:spMkLst>
        </pc:spChg>
        <pc:spChg chg="add del mod">
          <ac:chgData name="Kinga Gniadek" userId="43cb074d-dcd1-4848-963b-d77b93284ad2" providerId="ADAL" clId="{F5658412-CB27-4EA0-9B91-5E2D686EE832}" dt="2022-11-22T08:56:10.151" v="2861" actId="478"/>
          <ac:spMkLst>
            <pc:docMk/>
            <pc:sldMk cId="3360641507" sldId="293"/>
            <ac:spMk id="5" creationId="{D4E66413-9426-48B4-AC85-E7B3F4E1C550}"/>
          </ac:spMkLst>
        </pc:spChg>
        <pc:spChg chg="add del mod">
          <ac:chgData name="Kinga Gniadek" userId="43cb074d-dcd1-4848-963b-d77b93284ad2" providerId="ADAL" clId="{F5658412-CB27-4EA0-9B91-5E2D686EE832}" dt="2022-11-22T08:56:10.151" v="2861" actId="478"/>
          <ac:spMkLst>
            <pc:docMk/>
            <pc:sldMk cId="3360641507" sldId="293"/>
            <ac:spMk id="6" creationId="{4875EC51-9ADC-4E6E-8733-75F96DFA251A}"/>
          </ac:spMkLst>
        </pc:spChg>
        <pc:spChg chg="add del mod">
          <ac:chgData name="Kinga Gniadek" userId="43cb074d-dcd1-4848-963b-d77b93284ad2" providerId="ADAL" clId="{F5658412-CB27-4EA0-9B91-5E2D686EE832}" dt="2022-11-22T08:57:56.466" v="2894" actId="1076"/>
          <ac:spMkLst>
            <pc:docMk/>
            <pc:sldMk cId="3360641507" sldId="293"/>
            <ac:spMk id="9" creationId="{71FC2BF9-B842-47AE-8F5F-709E5572C94C}"/>
          </ac:spMkLst>
        </pc:spChg>
        <pc:spChg chg="add del mod">
          <ac:chgData name="Kinga Gniadek" userId="43cb074d-dcd1-4848-963b-d77b93284ad2" providerId="ADAL" clId="{F5658412-CB27-4EA0-9B91-5E2D686EE832}" dt="2022-11-22T08:57:23.180" v="2885" actId="478"/>
          <ac:spMkLst>
            <pc:docMk/>
            <pc:sldMk cId="3360641507" sldId="293"/>
            <ac:spMk id="11" creationId="{9C6310A0-E6D5-488F-AFCA-F3379A3A5812}"/>
          </ac:spMkLst>
        </pc:spChg>
        <pc:spChg chg="add del mod">
          <ac:chgData name="Kinga Gniadek" userId="43cb074d-dcd1-4848-963b-d77b93284ad2" providerId="ADAL" clId="{F5658412-CB27-4EA0-9B91-5E2D686EE832}" dt="2022-11-22T08:57:18.786" v="2883" actId="478"/>
          <ac:spMkLst>
            <pc:docMk/>
            <pc:sldMk cId="3360641507" sldId="293"/>
            <ac:spMk id="12" creationId="{ACFDE8F1-1B34-4FFA-8F95-9CC91CA43AB3}"/>
          </ac:spMkLst>
        </pc:spChg>
        <pc:spChg chg="add del mod">
          <ac:chgData name="Kinga Gniadek" userId="43cb074d-dcd1-4848-963b-d77b93284ad2" providerId="ADAL" clId="{F5658412-CB27-4EA0-9B91-5E2D686EE832}" dt="2022-11-22T08:57:16.862" v="2882" actId="478"/>
          <ac:spMkLst>
            <pc:docMk/>
            <pc:sldMk cId="3360641507" sldId="293"/>
            <ac:spMk id="13" creationId="{70B1D27A-B0B2-4672-9D71-BEEAAC2FC054}"/>
          </ac:spMkLst>
        </pc:spChg>
        <pc:spChg chg="add del mod">
          <ac:chgData name="Kinga Gniadek" userId="43cb074d-dcd1-4848-963b-d77b93284ad2" providerId="ADAL" clId="{F5658412-CB27-4EA0-9B91-5E2D686EE832}" dt="2022-11-22T08:57:25.345" v="2887" actId="478"/>
          <ac:spMkLst>
            <pc:docMk/>
            <pc:sldMk cId="3360641507" sldId="293"/>
            <ac:spMk id="14" creationId="{806629E6-DB62-479A-A6DD-6A43FEF8A842}"/>
          </ac:spMkLst>
        </pc:spChg>
        <pc:spChg chg="add del mod">
          <ac:chgData name="Kinga Gniadek" userId="43cb074d-dcd1-4848-963b-d77b93284ad2" providerId="ADAL" clId="{F5658412-CB27-4EA0-9B91-5E2D686EE832}" dt="2022-11-22T08:57:19.421" v="2884" actId="478"/>
          <ac:spMkLst>
            <pc:docMk/>
            <pc:sldMk cId="3360641507" sldId="293"/>
            <ac:spMk id="15" creationId="{F4DF5603-8A3E-4E53-82D7-524252AE111B}"/>
          </ac:spMkLst>
        </pc:spChg>
        <pc:spChg chg="add del mod">
          <ac:chgData name="Kinga Gniadek" userId="43cb074d-dcd1-4848-963b-d77b93284ad2" providerId="ADAL" clId="{F5658412-CB27-4EA0-9B91-5E2D686EE832}" dt="2022-11-22T08:57:24.466" v="2886" actId="478"/>
          <ac:spMkLst>
            <pc:docMk/>
            <pc:sldMk cId="3360641507" sldId="293"/>
            <ac:spMk id="17" creationId="{E5C7E4F8-CF94-4F8A-AE8F-48D8CBA82C36}"/>
          </ac:spMkLst>
        </pc:spChg>
        <pc:spChg chg="add del mod">
          <ac:chgData name="Kinga Gniadek" userId="43cb074d-dcd1-4848-963b-d77b93284ad2" providerId="ADAL" clId="{F5658412-CB27-4EA0-9B91-5E2D686EE832}" dt="2022-11-22T08:57:27.315" v="2889" actId="478"/>
          <ac:spMkLst>
            <pc:docMk/>
            <pc:sldMk cId="3360641507" sldId="293"/>
            <ac:spMk id="18" creationId="{EFFA24E4-710C-446E-BF6D-410A2ED34DCF}"/>
          </ac:spMkLst>
        </pc:spChg>
        <pc:spChg chg="add del mod">
          <ac:chgData name="Kinga Gniadek" userId="43cb074d-dcd1-4848-963b-d77b93284ad2" providerId="ADAL" clId="{F5658412-CB27-4EA0-9B91-5E2D686EE832}" dt="2022-11-22T08:57:26.277" v="2888" actId="478"/>
          <ac:spMkLst>
            <pc:docMk/>
            <pc:sldMk cId="3360641507" sldId="293"/>
            <ac:spMk id="19" creationId="{8212EFAE-9A80-45C9-A523-D364C7BED3E6}"/>
          </ac:spMkLst>
        </pc:spChg>
        <pc:picChg chg="add del mod modCrop">
          <ac:chgData name="Kinga Gniadek" userId="43cb074d-dcd1-4848-963b-d77b93284ad2" providerId="ADAL" clId="{F5658412-CB27-4EA0-9B91-5E2D686EE832}" dt="2022-11-22T08:56:10.151" v="2861" actId="478"/>
          <ac:picMkLst>
            <pc:docMk/>
            <pc:sldMk cId="3360641507" sldId="293"/>
            <ac:picMk id="7" creationId="{F34CDB7B-7359-4A35-8AB6-52F1513B76AE}"/>
          </ac:picMkLst>
        </pc:picChg>
        <pc:picChg chg="add del mod modCrop">
          <ac:chgData name="Kinga Gniadek" userId="43cb074d-dcd1-4848-963b-d77b93284ad2" providerId="ADAL" clId="{F5658412-CB27-4EA0-9B91-5E2D686EE832}" dt="2022-11-22T08:57:58.924" v="2895" actId="478"/>
          <ac:picMkLst>
            <pc:docMk/>
            <pc:sldMk cId="3360641507" sldId="293"/>
            <ac:picMk id="10" creationId="{3DBEB729-1203-44C5-AFA2-B745B6A191BC}"/>
          </ac:picMkLst>
        </pc:picChg>
        <pc:picChg chg="add del mod">
          <ac:chgData name="Kinga Gniadek" userId="43cb074d-dcd1-4848-963b-d77b93284ad2" providerId="ADAL" clId="{F5658412-CB27-4EA0-9B91-5E2D686EE832}" dt="2022-11-22T08:56:14.170" v="2866"/>
          <ac:picMkLst>
            <pc:docMk/>
            <pc:sldMk cId="3360641507" sldId="293"/>
            <ac:picMk id="16" creationId="{93F04BF5-F789-4901-BC6C-E6B439C8B934}"/>
          </ac:picMkLst>
        </pc:picChg>
      </pc:sldChg>
      <pc:sldChg chg="addSp delSp modSp add mod ord modTransition">
        <pc:chgData name="Kinga Gniadek" userId="43cb074d-dcd1-4848-963b-d77b93284ad2" providerId="ADAL" clId="{F5658412-CB27-4EA0-9B91-5E2D686EE832}" dt="2022-12-02T10:05:15.434" v="16615" actId="1076"/>
        <pc:sldMkLst>
          <pc:docMk/>
          <pc:sldMk cId="3143788312" sldId="294"/>
        </pc:sldMkLst>
        <pc:spChg chg="add del mod">
          <ac:chgData name="Kinga Gniadek" userId="43cb074d-dcd1-4848-963b-d77b93284ad2" providerId="ADAL" clId="{F5658412-CB27-4EA0-9B91-5E2D686EE832}" dt="2022-12-02T10:03:55.495" v="16600" actId="478"/>
          <ac:spMkLst>
            <pc:docMk/>
            <pc:sldMk cId="3143788312" sldId="294"/>
            <ac:spMk id="2" creationId="{34B3F02C-31AC-4893-A038-6CC6EA0288E6}"/>
          </ac:spMkLst>
        </pc:spChg>
        <pc:spChg chg="add mod">
          <ac:chgData name="Kinga Gniadek" userId="43cb074d-dcd1-4848-963b-d77b93284ad2" providerId="ADAL" clId="{F5658412-CB27-4EA0-9B91-5E2D686EE832}" dt="2022-12-02T10:05:15.434" v="16615" actId="1076"/>
          <ac:spMkLst>
            <pc:docMk/>
            <pc:sldMk cId="3143788312" sldId="294"/>
            <ac:spMk id="10" creationId="{698AE670-7CA5-446F-A6C8-39BF1C25DB06}"/>
          </ac:spMkLst>
        </pc:spChg>
        <pc:spChg chg="mod">
          <ac:chgData name="Kinga Gniadek" userId="43cb074d-dcd1-4848-963b-d77b93284ad2" providerId="ADAL" clId="{F5658412-CB27-4EA0-9B91-5E2D686EE832}" dt="2022-12-02T10:05:09.891" v="16614" actId="1076"/>
          <ac:spMkLst>
            <pc:docMk/>
            <pc:sldMk cId="3143788312" sldId="294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1-22T09:10:23.939" v="3029" actId="6549"/>
          <ac:spMkLst>
            <pc:docMk/>
            <pc:sldMk cId="3143788312" sldId="294"/>
            <ac:spMk id="16" creationId="{BD35B5D5-64E3-4CC1-ABDC-8B5C51E947A3}"/>
          </ac:spMkLst>
        </pc:spChg>
        <pc:spChg chg="mod">
          <ac:chgData name="Kinga Gniadek" userId="43cb074d-dcd1-4848-963b-d77b93284ad2" providerId="ADAL" clId="{F5658412-CB27-4EA0-9B91-5E2D686EE832}" dt="2022-11-22T09:10:16.904" v="3026" actId="571"/>
          <ac:spMkLst>
            <pc:docMk/>
            <pc:sldMk cId="3143788312" sldId="294"/>
            <ac:spMk id="19" creationId="{2B2EEA0D-551F-4618-9A30-5C46FE936D94}"/>
          </ac:spMkLst>
        </pc:spChg>
        <pc:spChg chg="mod">
          <ac:chgData name="Kinga Gniadek" userId="43cb074d-dcd1-4848-963b-d77b93284ad2" providerId="ADAL" clId="{F5658412-CB27-4EA0-9B91-5E2D686EE832}" dt="2022-11-22T09:10:21.800" v="3028" actId="6549"/>
          <ac:spMkLst>
            <pc:docMk/>
            <pc:sldMk cId="3143788312" sldId="294"/>
            <ac:spMk id="22" creationId="{BD899B5D-A80B-4269-9A2A-0A27B53CCE55}"/>
          </ac:spMkLst>
        </pc:spChg>
        <pc:spChg chg="mod">
          <ac:chgData name="Kinga Gniadek" userId="43cb074d-dcd1-4848-963b-d77b93284ad2" providerId="ADAL" clId="{F5658412-CB27-4EA0-9B91-5E2D686EE832}" dt="2022-11-22T09:10:16.904" v="3026" actId="571"/>
          <ac:spMkLst>
            <pc:docMk/>
            <pc:sldMk cId="3143788312" sldId="294"/>
            <ac:spMk id="23" creationId="{93DECE8E-C86D-42C1-B2FA-D648E18FC503}"/>
          </ac:spMkLst>
        </pc:spChg>
        <pc:spChg chg="mod">
          <ac:chgData name="Kinga Gniadek" userId="43cb074d-dcd1-4848-963b-d77b93284ad2" providerId="ADAL" clId="{F5658412-CB27-4EA0-9B91-5E2D686EE832}" dt="2022-11-22T09:10:16.904" v="3026" actId="571"/>
          <ac:spMkLst>
            <pc:docMk/>
            <pc:sldMk cId="3143788312" sldId="294"/>
            <ac:spMk id="25" creationId="{E4312FC2-FB39-4640-B75E-B6AA86653E86}"/>
          </ac:spMkLst>
        </pc:spChg>
        <pc:spChg chg="mod">
          <ac:chgData name="Kinga Gniadek" userId="43cb074d-dcd1-4848-963b-d77b93284ad2" providerId="ADAL" clId="{F5658412-CB27-4EA0-9B91-5E2D686EE832}" dt="2022-11-22T09:10:16.904" v="3026" actId="571"/>
          <ac:spMkLst>
            <pc:docMk/>
            <pc:sldMk cId="3143788312" sldId="294"/>
            <ac:spMk id="26" creationId="{74BDA1F5-A53A-4321-8D68-9842108F91E7}"/>
          </ac:spMkLst>
        </pc:spChg>
        <pc:spChg chg="mod">
          <ac:chgData name="Kinga Gniadek" userId="43cb074d-dcd1-4848-963b-d77b93284ad2" providerId="ADAL" clId="{F5658412-CB27-4EA0-9B91-5E2D686EE832}" dt="2022-11-22T09:10:16.904" v="3026" actId="571"/>
          <ac:spMkLst>
            <pc:docMk/>
            <pc:sldMk cId="3143788312" sldId="294"/>
            <ac:spMk id="28" creationId="{39FB4C0E-AB3B-4FF8-908C-326E3FCE9538}"/>
          </ac:spMkLst>
        </pc:spChg>
        <pc:spChg chg="mod">
          <ac:chgData name="Kinga Gniadek" userId="43cb074d-dcd1-4848-963b-d77b93284ad2" providerId="ADAL" clId="{F5658412-CB27-4EA0-9B91-5E2D686EE832}" dt="2022-11-22T09:10:16.904" v="3026" actId="571"/>
          <ac:spMkLst>
            <pc:docMk/>
            <pc:sldMk cId="3143788312" sldId="294"/>
            <ac:spMk id="29" creationId="{803935A6-2292-44C6-9F2A-EBD4A39725B9}"/>
          </ac:spMkLst>
        </pc:spChg>
        <pc:spChg chg="add mod">
          <ac:chgData name="Kinga Gniadek" userId="43cb074d-dcd1-4848-963b-d77b93284ad2" providerId="ADAL" clId="{F5658412-CB27-4EA0-9B91-5E2D686EE832}" dt="2022-11-22T10:06:21.258" v="3813" actId="1076"/>
          <ac:spMkLst>
            <pc:docMk/>
            <pc:sldMk cId="3143788312" sldId="294"/>
            <ac:spMk id="31" creationId="{FF9574AB-8588-46AC-BD85-24C1D72DB426}"/>
          </ac:spMkLst>
        </pc:spChg>
        <pc:spChg chg="add mod">
          <ac:chgData name="Kinga Gniadek" userId="43cb074d-dcd1-4848-963b-d77b93284ad2" providerId="ADAL" clId="{F5658412-CB27-4EA0-9B91-5E2D686EE832}" dt="2022-11-22T10:06:21.258" v="3813" actId="1076"/>
          <ac:spMkLst>
            <pc:docMk/>
            <pc:sldMk cId="3143788312" sldId="294"/>
            <ac:spMk id="32" creationId="{B60F51AF-C735-4D67-8AFC-205DD7A213F0}"/>
          </ac:spMkLst>
        </pc:spChg>
        <pc:spChg chg="add mod">
          <ac:chgData name="Kinga Gniadek" userId="43cb074d-dcd1-4848-963b-d77b93284ad2" providerId="ADAL" clId="{F5658412-CB27-4EA0-9B91-5E2D686EE832}" dt="2022-11-22T10:06:21.258" v="3813" actId="1076"/>
          <ac:spMkLst>
            <pc:docMk/>
            <pc:sldMk cId="3143788312" sldId="294"/>
            <ac:spMk id="33" creationId="{A83C90F9-FF2E-4578-AD2F-142E3EB1B755}"/>
          </ac:spMkLst>
        </pc:spChg>
        <pc:grpChg chg="del">
          <ac:chgData name="Kinga Gniadek" userId="43cb074d-dcd1-4848-963b-d77b93284ad2" providerId="ADAL" clId="{F5658412-CB27-4EA0-9B91-5E2D686EE832}" dt="2022-11-22T09:10:32.799" v="3033" actId="478"/>
          <ac:grpSpMkLst>
            <pc:docMk/>
            <pc:sldMk cId="3143788312" sldId="294"/>
            <ac:grpSpMk id="2" creationId="{068A1966-6973-446A-B880-40779AD101FA}"/>
          </ac:grpSpMkLst>
        </pc:grpChg>
        <pc:grpChg chg="del">
          <ac:chgData name="Kinga Gniadek" userId="43cb074d-dcd1-4848-963b-d77b93284ad2" providerId="ADAL" clId="{F5658412-CB27-4EA0-9B91-5E2D686EE832}" dt="2022-11-22T09:10:29.246" v="3032" actId="478"/>
          <ac:grpSpMkLst>
            <pc:docMk/>
            <pc:sldMk cId="3143788312" sldId="294"/>
            <ac:grpSpMk id="3" creationId="{30914637-BD16-40BE-AED2-531249B6431D}"/>
          </ac:grpSpMkLst>
        </pc:grpChg>
        <pc:grpChg chg="del">
          <ac:chgData name="Kinga Gniadek" userId="43cb074d-dcd1-4848-963b-d77b93284ad2" providerId="ADAL" clId="{F5658412-CB27-4EA0-9B91-5E2D686EE832}" dt="2022-11-22T09:10:18.157" v="3027" actId="478"/>
          <ac:grpSpMkLst>
            <pc:docMk/>
            <pc:sldMk cId="3143788312" sldId="294"/>
            <ac:grpSpMk id="4" creationId="{940E25F6-A6D3-49CA-89CE-1F7843279E67}"/>
          </ac:grpSpMkLst>
        </pc:grpChg>
        <pc:grpChg chg="del">
          <ac:chgData name="Kinga Gniadek" userId="43cb074d-dcd1-4848-963b-d77b93284ad2" providerId="ADAL" clId="{F5658412-CB27-4EA0-9B91-5E2D686EE832}" dt="2022-11-22T09:10:35.576" v="3034" actId="478"/>
          <ac:grpSpMkLst>
            <pc:docMk/>
            <pc:sldMk cId="3143788312" sldId="294"/>
            <ac:grpSpMk id="6" creationId="{5CD0D2E4-E3D6-4886-A012-4115CFB8A95C}"/>
          </ac:grpSpMkLst>
        </pc:grpChg>
        <pc:grpChg chg="add del mod">
          <ac:chgData name="Kinga Gniadek" userId="43cb074d-dcd1-4848-963b-d77b93284ad2" providerId="ADAL" clId="{F5658412-CB27-4EA0-9B91-5E2D686EE832}" dt="2022-11-22T09:10:18.157" v="3027" actId="478"/>
          <ac:grpSpMkLst>
            <pc:docMk/>
            <pc:sldMk cId="3143788312" sldId="294"/>
            <ac:grpSpMk id="17" creationId="{2E9D8E5A-533C-47E1-B0A4-6C2D86EF88CD}"/>
          </ac:grpSpMkLst>
        </pc:grpChg>
        <pc:grpChg chg="add del mod">
          <ac:chgData name="Kinga Gniadek" userId="43cb074d-dcd1-4848-963b-d77b93284ad2" providerId="ADAL" clId="{F5658412-CB27-4EA0-9B91-5E2D686EE832}" dt="2022-11-22T09:10:18.157" v="3027" actId="478"/>
          <ac:grpSpMkLst>
            <pc:docMk/>
            <pc:sldMk cId="3143788312" sldId="294"/>
            <ac:grpSpMk id="24" creationId="{E107E4D6-269D-4E4D-BD41-5FC638DA0B02}"/>
          </ac:grpSpMkLst>
        </pc:grpChg>
        <pc:grpChg chg="add del mod">
          <ac:chgData name="Kinga Gniadek" userId="43cb074d-dcd1-4848-963b-d77b93284ad2" providerId="ADAL" clId="{F5658412-CB27-4EA0-9B91-5E2D686EE832}" dt="2022-11-22T09:10:18.157" v="3027" actId="478"/>
          <ac:grpSpMkLst>
            <pc:docMk/>
            <pc:sldMk cId="3143788312" sldId="294"/>
            <ac:grpSpMk id="27" creationId="{F14D5FC7-04A6-40A7-9803-DEDCE5FF3281}"/>
          </ac:grpSpMkLst>
        </pc:grpChg>
        <pc:picChg chg="add del mod">
          <ac:chgData name="Kinga Gniadek" userId="43cb074d-dcd1-4848-963b-d77b93284ad2" providerId="ADAL" clId="{F5658412-CB27-4EA0-9B91-5E2D686EE832}" dt="2022-11-25T07:18:46.826" v="15208"/>
          <ac:picMkLst>
            <pc:docMk/>
            <pc:sldMk cId="3143788312" sldId="294"/>
            <ac:picMk id="9" creationId="{5FE749F1-4F98-4F0A-B899-74B5C7FF091D}"/>
          </ac:picMkLst>
        </pc:picChg>
        <pc:picChg chg="del mod">
          <ac:chgData name="Kinga Gniadek" userId="43cb074d-dcd1-4848-963b-d77b93284ad2" providerId="ADAL" clId="{F5658412-CB27-4EA0-9B91-5E2D686EE832}" dt="2022-11-22T09:22:32.684" v="3173" actId="478"/>
          <ac:picMkLst>
            <pc:docMk/>
            <pc:sldMk cId="3143788312" sldId="294"/>
            <ac:picMk id="10" creationId="{3DBEB729-1203-44C5-AFA2-B745B6A191BC}"/>
          </ac:picMkLst>
        </pc:picChg>
        <pc:picChg chg="add del mod">
          <ac:chgData name="Kinga Gniadek" userId="43cb074d-dcd1-4848-963b-d77b93284ad2" providerId="ADAL" clId="{F5658412-CB27-4EA0-9B91-5E2D686EE832}" dt="2022-11-22T09:22:35.598" v="3174" actId="478"/>
          <ac:picMkLst>
            <pc:docMk/>
            <pc:sldMk cId="3143788312" sldId="294"/>
            <ac:picMk id="30" creationId="{3451DC69-D7E7-4558-A573-0E1033792FBC}"/>
          </ac:picMkLst>
        </pc:picChg>
        <pc:picChg chg="add del mod">
          <ac:chgData name="Kinga Gniadek" userId="43cb074d-dcd1-4848-963b-d77b93284ad2" providerId="ADAL" clId="{F5658412-CB27-4EA0-9B91-5E2D686EE832}" dt="2022-11-22T09:16:32.380" v="3079" actId="478"/>
          <ac:picMkLst>
            <pc:docMk/>
            <pc:sldMk cId="3143788312" sldId="294"/>
            <ac:picMk id="34" creationId="{21C6E175-B820-42B0-B663-F262BCC6DA63}"/>
          </ac:picMkLst>
        </pc:picChg>
        <pc:picChg chg="add del mod ord">
          <ac:chgData name="Kinga Gniadek" userId="43cb074d-dcd1-4848-963b-d77b93284ad2" providerId="ADAL" clId="{F5658412-CB27-4EA0-9B91-5E2D686EE832}" dt="2022-11-22T10:05:48.639" v="3805" actId="478"/>
          <ac:picMkLst>
            <pc:docMk/>
            <pc:sldMk cId="3143788312" sldId="294"/>
            <ac:picMk id="35" creationId="{92B2A469-936D-44D4-B759-09997ED6613C}"/>
          </ac:picMkLst>
        </pc:picChg>
        <pc:picChg chg="add mod ord">
          <ac:chgData name="Kinga Gniadek" userId="43cb074d-dcd1-4848-963b-d77b93284ad2" providerId="ADAL" clId="{F5658412-CB27-4EA0-9B91-5E2D686EE832}" dt="2022-11-22T10:05:55.628" v="3807" actId="167"/>
          <ac:picMkLst>
            <pc:docMk/>
            <pc:sldMk cId="3143788312" sldId="294"/>
            <ac:picMk id="36" creationId="{D19665E1-E93E-4515-85F0-0C3B40F62C18}"/>
          </ac:picMkLst>
        </pc:picChg>
        <pc:picChg chg="add mod">
          <ac:chgData name="Kinga Gniadek" userId="43cb074d-dcd1-4848-963b-d77b93284ad2" providerId="ADAL" clId="{F5658412-CB27-4EA0-9B91-5E2D686EE832}" dt="2022-11-22T10:06:36.335" v="3814" actId="1076"/>
          <ac:picMkLst>
            <pc:docMk/>
            <pc:sldMk cId="3143788312" sldId="294"/>
            <ac:picMk id="37" creationId="{3C4DE94C-828D-4687-8859-20E3210E0078}"/>
          </ac:picMkLst>
        </pc:picChg>
      </pc:sldChg>
      <pc:sldChg chg="add del">
        <pc:chgData name="Kinga Gniadek" userId="43cb074d-dcd1-4848-963b-d77b93284ad2" providerId="ADAL" clId="{F5658412-CB27-4EA0-9B91-5E2D686EE832}" dt="2022-11-22T09:09:54.568" v="3015" actId="47"/>
        <pc:sldMkLst>
          <pc:docMk/>
          <pc:sldMk cId="4176089325" sldId="294"/>
        </pc:sldMkLst>
      </pc:sldChg>
      <pc:sldChg chg="addSp delSp modSp add mod ord modTransition">
        <pc:chgData name="Kinga Gniadek" userId="43cb074d-dcd1-4848-963b-d77b93284ad2" providerId="ADAL" clId="{F5658412-CB27-4EA0-9B91-5E2D686EE832}" dt="2022-12-02T10:05:22.685" v="16617"/>
        <pc:sldMkLst>
          <pc:docMk/>
          <pc:sldMk cId="1936163950" sldId="295"/>
        </pc:sldMkLst>
        <pc:spChg chg="add mod">
          <ac:chgData name="Kinga Gniadek" userId="43cb074d-dcd1-4848-963b-d77b93284ad2" providerId="ADAL" clId="{F5658412-CB27-4EA0-9B91-5E2D686EE832}" dt="2022-12-02T10:05:22.685" v="16617"/>
          <ac:spMkLst>
            <pc:docMk/>
            <pc:sldMk cId="1936163950" sldId="295"/>
            <ac:spMk id="11" creationId="{7861135A-AFA6-4C27-8397-A9D871C6A6A3}"/>
          </ac:spMkLst>
        </pc:spChg>
        <pc:spChg chg="mod">
          <ac:chgData name="Kinga Gniadek" userId="43cb074d-dcd1-4848-963b-d77b93284ad2" providerId="ADAL" clId="{F5658412-CB27-4EA0-9B91-5E2D686EE832}" dt="2022-12-02T10:05:21.398" v="16616" actId="20577"/>
          <ac:spMkLst>
            <pc:docMk/>
            <pc:sldMk cId="1936163950" sldId="295"/>
            <ac:spMk id="12" creationId="{4FFB8876-A80B-45BF-B457-69F329D40EAB}"/>
          </ac:spMkLst>
        </pc:spChg>
        <pc:spChg chg="add mod">
          <ac:chgData name="Kinga Gniadek" userId="43cb074d-dcd1-4848-963b-d77b93284ad2" providerId="ADAL" clId="{F5658412-CB27-4EA0-9B91-5E2D686EE832}" dt="2022-11-22T09:22:03.446" v="3165" actId="1076"/>
          <ac:spMkLst>
            <pc:docMk/>
            <pc:sldMk cId="1936163950" sldId="295"/>
            <ac:spMk id="32" creationId="{C287F20B-465C-456C-9FF1-2DFCA3BDB3A6}"/>
          </ac:spMkLst>
        </pc:spChg>
        <pc:spChg chg="add mod">
          <ac:chgData name="Kinga Gniadek" userId="43cb074d-dcd1-4848-963b-d77b93284ad2" providerId="ADAL" clId="{F5658412-CB27-4EA0-9B91-5E2D686EE832}" dt="2022-11-22T09:18:10.699" v="3122" actId="164"/>
          <ac:spMkLst>
            <pc:docMk/>
            <pc:sldMk cId="1936163950" sldId="295"/>
            <ac:spMk id="33" creationId="{47CA779B-FB37-4B3A-A0B7-F43D4BC1E31D}"/>
          </ac:spMkLst>
        </pc:spChg>
        <pc:grpChg chg="del">
          <ac:chgData name="Kinga Gniadek" userId="43cb074d-dcd1-4848-963b-d77b93284ad2" providerId="ADAL" clId="{F5658412-CB27-4EA0-9B91-5E2D686EE832}" dt="2022-11-22T09:12:07.209" v="3058" actId="478"/>
          <ac:grpSpMkLst>
            <pc:docMk/>
            <pc:sldMk cId="1936163950" sldId="295"/>
            <ac:grpSpMk id="2" creationId="{068A1966-6973-446A-B880-40779AD101FA}"/>
          </ac:grpSpMkLst>
        </pc:grpChg>
        <pc:grpChg chg="del">
          <ac:chgData name="Kinga Gniadek" userId="43cb074d-dcd1-4848-963b-d77b93284ad2" providerId="ADAL" clId="{F5658412-CB27-4EA0-9B91-5E2D686EE832}" dt="2022-11-22T09:12:07.209" v="3058" actId="478"/>
          <ac:grpSpMkLst>
            <pc:docMk/>
            <pc:sldMk cId="1936163950" sldId="295"/>
            <ac:grpSpMk id="3" creationId="{30914637-BD16-40BE-AED2-531249B6431D}"/>
          </ac:grpSpMkLst>
        </pc:grpChg>
        <pc:grpChg chg="del">
          <ac:chgData name="Kinga Gniadek" userId="43cb074d-dcd1-4848-963b-d77b93284ad2" providerId="ADAL" clId="{F5658412-CB27-4EA0-9B91-5E2D686EE832}" dt="2022-11-22T09:12:07.209" v="3058" actId="478"/>
          <ac:grpSpMkLst>
            <pc:docMk/>
            <pc:sldMk cId="1936163950" sldId="295"/>
            <ac:grpSpMk id="4" creationId="{940E25F6-A6D3-49CA-89CE-1F7843279E67}"/>
          </ac:grpSpMkLst>
        </pc:grpChg>
        <pc:grpChg chg="del">
          <ac:chgData name="Kinga Gniadek" userId="43cb074d-dcd1-4848-963b-d77b93284ad2" providerId="ADAL" clId="{F5658412-CB27-4EA0-9B91-5E2D686EE832}" dt="2022-11-22T09:12:07.209" v="3058" actId="478"/>
          <ac:grpSpMkLst>
            <pc:docMk/>
            <pc:sldMk cId="1936163950" sldId="295"/>
            <ac:grpSpMk id="6" creationId="{5CD0D2E4-E3D6-4886-A012-4115CFB8A95C}"/>
          </ac:grpSpMkLst>
        </pc:grpChg>
        <pc:grpChg chg="add mod">
          <ac:chgData name="Kinga Gniadek" userId="43cb074d-dcd1-4848-963b-d77b93284ad2" providerId="ADAL" clId="{F5658412-CB27-4EA0-9B91-5E2D686EE832}" dt="2022-11-22T09:15:09.794" v="3073" actId="164"/>
          <ac:grpSpMkLst>
            <pc:docMk/>
            <pc:sldMk cId="1936163950" sldId="295"/>
            <ac:grpSpMk id="25" creationId="{73E24C36-FCC9-4B52-9471-AAA2B2162EB2}"/>
          </ac:grpSpMkLst>
        </pc:grpChg>
        <pc:grpChg chg="add mod">
          <ac:chgData name="Kinga Gniadek" userId="43cb074d-dcd1-4848-963b-d77b93284ad2" providerId="ADAL" clId="{F5658412-CB27-4EA0-9B91-5E2D686EE832}" dt="2022-11-22T09:15:01.336" v="3072" actId="164"/>
          <ac:grpSpMkLst>
            <pc:docMk/>
            <pc:sldMk cId="1936163950" sldId="295"/>
            <ac:grpSpMk id="26" creationId="{3C42F19D-066D-48DA-BA4E-88DED5AA28F5}"/>
          </ac:grpSpMkLst>
        </pc:grpChg>
        <pc:grpChg chg="add del mod">
          <ac:chgData name="Kinga Gniadek" userId="43cb074d-dcd1-4848-963b-d77b93284ad2" providerId="ADAL" clId="{F5658412-CB27-4EA0-9B91-5E2D686EE832}" dt="2022-11-22T09:16:45.824" v="3081" actId="478"/>
          <ac:grpSpMkLst>
            <pc:docMk/>
            <pc:sldMk cId="1936163950" sldId="295"/>
            <ac:grpSpMk id="27" creationId="{06118FD8-3A2B-48F0-9D2C-F7B704F5672D}"/>
          </ac:grpSpMkLst>
        </pc:grpChg>
        <pc:grpChg chg="add mod">
          <ac:chgData name="Kinga Gniadek" userId="43cb074d-dcd1-4848-963b-d77b93284ad2" providerId="ADAL" clId="{F5658412-CB27-4EA0-9B91-5E2D686EE832}" dt="2022-11-22T09:26:59.566" v="3197" actId="1076"/>
          <ac:grpSpMkLst>
            <pc:docMk/>
            <pc:sldMk cId="1936163950" sldId="295"/>
            <ac:grpSpMk id="34" creationId="{D7690601-41FB-48E1-A975-82C3D65A57AE}"/>
          </ac:grpSpMkLst>
        </pc:grpChg>
        <pc:grpChg chg="add mod">
          <ac:chgData name="Kinga Gniadek" userId="43cb074d-dcd1-4848-963b-d77b93284ad2" providerId="ADAL" clId="{F5658412-CB27-4EA0-9B91-5E2D686EE832}" dt="2022-11-22T09:26:59.566" v="3197" actId="1076"/>
          <ac:grpSpMkLst>
            <pc:docMk/>
            <pc:sldMk cId="1936163950" sldId="295"/>
            <ac:grpSpMk id="35" creationId="{DD9A8847-EFA2-4B02-97A3-7DBD4CE6A1A1}"/>
          </ac:grpSpMkLst>
        </pc:grpChg>
        <pc:picChg chg="add del mod">
          <ac:chgData name="Kinga Gniadek" userId="43cb074d-dcd1-4848-963b-d77b93284ad2" providerId="ADAL" clId="{F5658412-CB27-4EA0-9B91-5E2D686EE832}" dt="2022-11-23T11:28:32.601" v="6755" actId="478"/>
          <ac:picMkLst>
            <pc:docMk/>
            <pc:sldMk cId="1936163950" sldId="295"/>
            <ac:picMk id="3" creationId="{83D9572C-81EA-485D-B338-96AC1A872C42}"/>
          </ac:picMkLst>
        </pc:picChg>
        <pc:picChg chg="add del mod">
          <ac:chgData name="Kinga Gniadek" userId="43cb074d-dcd1-4848-963b-d77b93284ad2" providerId="ADAL" clId="{F5658412-CB27-4EA0-9B91-5E2D686EE832}" dt="2022-11-24T07:14:54.828" v="9478" actId="478"/>
          <ac:picMkLst>
            <pc:docMk/>
            <pc:sldMk cId="1936163950" sldId="295"/>
            <ac:picMk id="3" creationId="{F6D0F1AE-8CED-48CC-BC3F-20729DCA8520}"/>
          </ac:picMkLst>
        </pc:picChg>
        <pc:picChg chg="add del mod">
          <ac:chgData name="Kinga Gniadek" userId="43cb074d-dcd1-4848-963b-d77b93284ad2" providerId="ADAL" clId="{F5658412-CB27-4EA0-9B91-5E2D686EE832}" dt="2022-11-23T11:28:32.601" v="6755" actId="478"/>
          <ac:picMkLst>
            <pc:docMk/>
            <pc:sldMk cId="1936163950" sldId="295"/>
            <ac:picMk id="5" creationId="{93661050-0AB0-4C52-BD3E-533AA7128E77}"/>
          </ac:picMkLst>
        </pc:picChg>
        <pc:picChg chg="add del mod">
          <ac:chgData name="Kinga Gniadek" userId="43cb074d-dcd1-4848-963b-d77b93284ad2" providerId="ADAL" clId="{F5658412-CB27-4EA0-9B91-5E2D686EE832}" dt="2022-11-25T06:37:36.190" v="15066" actId="21"/>
          <ac:picMkLst>
            <pc:docMk/>
            <pc:sldMk cId="1936163950" sldId="295"/>
            <ac:picMk id="6" creationId="{A9FA84D7-2406-4EFF-AC63-D9DE7B70A64B}"/>
          </ac:picMkLst>
        </pc:picChg>
        <pc:picChg chg="add mod">
          <ac:chgData name="Kinga Gniadek" userId="43cb074d-dcd1-4848-963b-d77b93284ad2" providerId="ADAL" clId="{F5658412-CB27-4EA0-9B91-5E2D686EE832}" dt="2022-11-22T09:15:09.794" v="3073" actId="164"/>
          <ac:picMkLst>
            <pc:docMk/>
            <pc:sldMk cId="1936163950" sldId="295"/>
            <ac:picMk id="7" creationId="{9FE2E7FC-A633-49B3-BAC4-BEE31D4F1C90}"/>
          </ac:picMkLst>
        </pc:picChg>
        <pc:picChg chg="add del mod">
          <ac:chgData name="Kinga Gniadek" userId="43cb074d-dcd1-4848-963b-d77b93284ad2" providerId="ADAL" clId="{F5658412-CB27-4EA0-9B91-5E2D686EE832}" dt="2022-11-23T11:28:32.601" v="6755" actId="478"/>
          <ac:picMkLst>
            <pc:docMk/>
            <pc:sldMk cId="1936163950" sldId="295"/>
            <ac:picMk id="7" creationId="{E2EA0C60-1ABD-4325-A6C4-A66B53E917AE}"/>
          </ac:picMkLst>
        </pc:picChg>
        <pc:picChg chg="del mod">
          <ac:chgData name="Kinga Gniadek" userId="43cb074d-dcd1-4848-963b-d77b93284ad2" providerId="ADAL" clId="{F5658412-CB27-4EA0-9B91-5E2D686EE832}" dt="2022-11-22T09:19:24.568" v="3137" actId="478"/>
          <ac:picMkLst>
            <pc:docMk/>
            <pc:sldMk cId="1936163950" sldId="295"/>
            <ac:picMk id="10" creationId="{3DBEB729-1203-44C5-AFA2-B745B6A191BC}"/>
          </ac:picMkLst>
        </pc:picChg>
        <pc:picChg chg="add del mod">
          <ac:chgData name="Kinga Gniadek" userId="43cb074d-dcd1-4848-963b-d77b93284ad2" providerId="ADAL" clId="{F5658412-CB27-4EA0-9B91-5E2D686EE832}" dt="2022-11-25T06:35:12.575" v="15062" actId="478"/>
          <ac:picMkLst>
            <pc:docMk/>
            <pc:sldMk cId="1936163950" sldId="295"/>
            <ac:picMk id="10" creationId="{5E6976E1-6EF6-448C-8FFE-1875DEB5927B}"/>
          </ac:picMkLst>
        </pc:picChg>
        <pc:picChg chg="add del mod">
          <ac:chgData name="Kinga Gniadek" userId="43cb074d-dcd1-4848-963b-d77b93284ad2" providerId="ADAL" clId="{F5658412-CB27-4EA0-9B91-5E2D686EE832}" dt="2022-11-22T09:13:43.143" v="3064" actId="478"/>
          <ac:picMkLst>
            <pc:docMk/>
            <pc:sldMk cId="1936163950" sldId="295"/>
            <ac:picMk id="11" creationId="{53569368-C11E-4FEB-A6D9-B46C539BEF30}"/>
          </ac:picMkLst>
        </pc:picChg>
        <pc:picChg chg="add del mod">
          <ac:chgData name="Kinga Gniadek" userId="43cb074d-dcd1-4848-963b-d77b93284ad2" providerId="ADAL" clId="{F5658412-CB27-4EA0-9B91-5E2D686EE832}" dt="2022-11-25T07:20:20.557" v="15222" actId="478"/>
          <ac:picMkLst>
            <pc:docMk/>
            <pc:sldMk cId="1936163950" sldId="295"/>
            <ac:picMk id="14" creationId="{6F022580-8D21-4069-A5BA-2DCEFCC15BC3}"/>
          </ac:picMkLst>
        </pc:picChg>
        <pc:picChg chg="add del mod">
          <ac:chgData name="Kinga Gniadek" userId="43cb074d-dcd1-4848-963b-d77b93284ad2" providerId="ADAL" clId="{F5658412-CB27-4EA0-9B91-5E2D686EE832}" dt="2022-11-25T07:20:20.557" v="15222" actId="478"/>
          <ac:picMkLst>
            <pc:docMk/>
            <pc:sldMk cId="1936163950" sldId="295"/>
            <ac:picMk id="15" creationId="{BEF8BEE7-ADD4-48A6-BE2D-142F926460D4}"/>
          </ac:picMkLst>
        </pc:picChg>
        <pc:picChg chg="add mod">
          <ac:chgData name="Kinga Gniadek" userId="43cb074d-dcd1-4848-963b-d77b93284ad2" providerId="ADAL" clId="{F5658412-CB27-4EA0-9B91-5E2D686EE832}" dt="2022-11-22T09:15:01.336" v="3072" actId="164"/>
          <ac:picMkLst>
            <pc:docMk/>
            <pc:sldMk cId="1936163950" sldId="295"/>
            <ac:picMk id="19" creationId="{01D0E10E-F3D4-48AF-9856-0C292D07922A}"/>
          </ac:picMkLst>
        </pc:picChg>
        <pc:picChg chg="add mod">
          <ac:chgData name="Kinga Gniadek" userId="43cb074d-dcd1-4848-963b-d77b93284ad2" providerId="ADAL" clId="{F5658412-CB27-4EA0-9B91-5E2D686EE832}" dt="2022-11-22T09:15:01.336" v="3072" actId="164"/>
          <ac:picMkLst>
            <pc:docMk/>
            <pc:sldMk cId="1936163950" sldId="295"/>
            <ac:picMk id="24" creationId="{5AA63A81-1EC4-46F0-AAE9-67FDF4408514}"/>
          </ac:picMkLst>
        </pc:picChg>
        <pc:picChg chg="add del mod">
          <ac:chgData name="Kinga Gniadek" userId="43cb074d-dcd1-4848-963b-d77b93284ad2" providerId="ADAL" clId="{F5658412-CB27-4EA0-9B91-5E2D686EE832}" dt="2022-11-22T09:16:28.248" v="3076" actId="21"/>
          <ac:picMkLst>
            <pc:docMk/>
            <pc:sldMk cId="1936163950" sldId="295"/>
            <ac:picMk id="29" creationId="{1E3D42A2-28D9-4183-B1F3-28B3BC8CB396}"/>
          </ac:picMkLst>
        </pc:picChg>
        <pc:picChg chg="add mod">
          <ac:chgData name="Kinga Gniadek" userId="43cb074d-dcd1-4848-963b-d77b93284ad2" providerId="ADAL" clId="{F5658412-CB27-4EA0-9B91-5E2D686EE832}" dt="2022-11-22T09:22:04.847" v="3166" actId="1076"/>
          <ac:picMkLst>
            <pc:docMk/>
            <pc:sldMk cId="1936163950" sldId="295"/>
            <ac:picMk id="30" creationId="{74D88BB9-D677-457D-A144-29D5AAFCADA1}"/>
          </ac:picMkLst>
        </pc:picChg>
        <pc:picChg chg="add mod">
          <ac:chgData name="Kinga Gniadek" userId="43cb074d-dcd1-4848-963b-d77b93284ad2" providerId="ADAL" clId="{F5658412-CB27-4EA0-9B91-5E2D686EE832}" dt="2022-11-22T09:18:10.699" v="3122" actId="164"/>
          <ac:picMkLst>
            <pc:docMk/>
            <pc:sldMk cId="1936163950" sldId="295"/>
            <ac:picMk id="31" creationId="{B373FBE3-43A1-4214-8B84-26035363C415}"/>
          </ac:picMkLst>
        </pc:picChg>
        <pc:picChg chg="add del mod ord">
          <ac:chgData name="Kinga Gniadek" userId="43cb074d-dcd1-4848-963b-d77b93284ad2" providerId="ADAL" clId="{F5658412-CB27-4EA0-9B91-5E2D686EE832}" dt="2022-11-22T09:20:19.386" v="3148" actId="478"/>
          <ac:picMkLst>
            <pc:docMk/>
            <pc:sldMk cId="1936163950" sldId="295"/>
            <ac:picMk id="37" creationId="{589E8562-62BF-446C-9383-0737DED0AB79}"/>
          </ac:picMkLst>
        </pc:picChg>
        <pc:picChg chg="add del mod ord">
          <ac:chgData name="Kinga Gniadek" userId="43cb074d-dcd1-4848-963b-d77b93284ad2" providerId="ADAL" clId="{F5658412-CB27-4EA0-9B91-5E2D686EE832}" dt="2022-11-22T09:23:41.709" v="3184" actId="478"/>
          <ac:picMkLst>
            <pc:docMk/>
            <pc:sldMk cId="1936163950" sldId="295"/>
            <ac:picMk id="39" creationId="{D2847E75-4E75-4898-91D9-2B7F49F8E398}"/>
          </ac:picMkLst>
        </pc:picChg>
        <pc:picChg chg="add del mod ord">
          <ac:chgData name="Kinga Gniadek" userId="43cb074d-dcd1-4848-963b-d77b93284ad2" providerId="ADAL" clId="{F5658412-CB27-4EA0-9B91-5E2D686EE832}" dt="2022-11-22T09:25:50.269" v="3190" actId="478"/>
          <ac:picMkLst>
            <pc:docMk/>
            <pc:sldMk cId="1936163950" sldId="295"/>
            <ac:picMk id="40" creationId="{FC2B34CE-71B4-4C05-86A1-6D55CF26A26A}"/>
          </ac:picMkLst>
        </pc:picChg>
        <pc:picChg chg="add mod ord">
          <ac:chgData name="Kinga Gniadek" userId="43cb074d-dcd1-4848-963b-d77b93284ad2" providerId="ADAL" clId="{F5658412-CB27-4EA0-9B91-5E2D686EE832}" dt="2022-12-02T09:54:08.022" v="16457" actId="1076"/>
          <ac:picMkLst>
            <pc:docMk/>
            <pc:sldMk cId="1936163950" sldId="295"/>
            <ac:picMk id="42" creationId="{B81940C5-934E-4001-A3E3-1EAB45EE7841}"/>
          </ac:picMkLst>
        </pc:picChg>
      </pc:sldChg>
      <pc:sldChg chg="addSp delSp modSp add del mod ord modTransition modShow modNotesTx">
        <pc:chgData name="Kinga Gniadek" userId="43cb074d-dcd1-4848-963b-d77b93284ad2" providerId="ADAL" clId="{F5658412-CB27-4EA0-9B91-5E2D686EE832}" dt="2022-11-25T07:26:27.861" v="15263" actId="47"/>
        <pc:sldMkLst>
          <pc:docMk/>
          <pc:sldMk cId="180152121" sldId="296"/>
        </pc:sldMkLst>
        <pc:spChg chg="mod">
          <ac:chgData name="Kinga Gniadek" userId="43cb074d-dcd1-4848-963b-d77b93284ad2" providerId="ADAL" clId="{F5658412-CB27-4EA0-9B91-5E2D686EE832}" dt="2022-11-25T07:19:40.266" v="15215" actId="207"/>
          <ac:spMkLst>
            <pc:docMk/>
            <pc:sldMk cId="180152121" sldId="296"/>
            <ac:spMk id="4" creationId="{96A7D7EE-0309-B8EE-7D95-83FA007D72A5}"/>
          </ac:spMkLst>
        </pc:spChg>
        <pc:spChg chg="del topLvl">
          <ac:chgData name="Kinga Gniadek" userId="43cb074d-dcd1-4848-963b-d77b93284ad2" providerId="ADAL" clId="{F5658412-CB27-4EA0-9B91-5E2D686EE832}" dt="2022-11-22T09:29:03.056" v="3219" actId="478"/>
          <ac:spMkLst>
            <pc:docMk/>
            <pc:sldMk cId="180152121" sldId="296"/>
            <ac:spMk id="9" creationId="{F866D14D-D5A8-4318-AC64-2584DA9FE128}"/>
          </ac:spMkLst>
        </pc:spChg>
        <pc:spChg chg="mod">
          <ac:chgData name="Kinga Gniadek" userId="43cb074d-dcd1-4848-963b-d77b93284ad2" providerId="ADAL" clId="{F5658412-CB27-4EA0-9B91-5E2D686EE832}" dt="2022-11-25T07:14:42.418" v="15154" actId="20577"/>
          <ac:spMkLst>
            <pc:docMk/>
            <pc:sldMk cId="180152121" sldId="296"/>
            <ac:spMk id="12" creationId="{4FFB8876-A80B-45BF-B457-69F329D40EAB}"/>
          </ac:spMkLst>
        </pc:spChg>
        <pc:spChg chg="mod topLvl">
          <ac:chgData name="Kinga Gniadek" userId="43cb074d-dcd1-4848-963b-d77b93284ad2" providerId="ADAL" clId="{F5658412-CB27-4EA0-9B91-5E2D686EE832}" dt="2022-11-25T07:16:43.707" v="15187" actId="20577"/>
          <ac:spMkLst>
            <pc:docMk/>
            <pc:sldMk cId="180152121" sldId="296"/>
            <ac:spMk id="14" creationId="{B6CA66AD-D631-4C5E-A924-BC952D4B4394}"/>
          </ac:spMkLst>
        </pc:spChg>
        <pc:spChg chg="mod">
          <ac:chgData name="Kinga Gniadek" userId="43cb074d-dcd1-4848-963b-d77b93284ad2" providerId="ADAL" clId="{F5658412-CB27-4EA0-9B91-5E2D686EE832}" dt="2022-11-22T09:29:06.795" v="3220" actId="6549"/>
          <ac:spMkLst>
            <pc:docMk/>
            <pc:sldMk cId="180152121" sldId="296"/>
            <ac:spMk id="20" creationId="{1C592382-B635-44BA-9B6F-8F284603A756}"/>
          </ac:spMkLst>
        </pc:spChg>
        <pc:spChg chg="mod">
          <ac:chgData name="Kinga Gniadek" userId="43cb074d-dcd1-4848-963b-d77b93284ad2" providerId="ADAL" clId="{F5658412-CB27-4EA0-9B91-5E2D686EE832}" dt="2022-11-22T09:29:46.170" v="3234"/>
          <ac:spMkLst>
            <pc:docMk/>
            <pc:sldMk cId="180152121" sldId="296"/>
            <ac:spMk id="23" creationId="{6D693696-2613-4FD6-BBB4-3A0B066DB886}"/>
          </ac:spMkLst>
        </pc:spChg>
        <pc:grpChg chg="del">
          <ac:chgData name="Kinga Gniadek" userId="43cb074d-dcd1-4848-963b-d77b93284ad2" providerId="ADAL" clId="{F5658412-CB27-4EA0-9B91-5E2D686EE832}" dt="2022-11-22T09:29:03.056" v="3219" actId="478"/>
          <ac:grpSpMkLst>
            <pc:docMk/>
            <pc:sldMk cId="180152121" sldId="296"/>
            <ac:grpSpMk id="2" creationId="{068A1966-6973-446A-B880-40779AD101FA}"/>
          </ac:grpSpMkLst>
        </pc:grpChg>
        <pc:grpChg chg="del">
          <ac:chgData name="Kinga Gniadek" userId="43cb074d-dcd1-4848-963b-d77b93284ad2" providerId="ADAL" clId="{F5658412-CB27-4EA0-9B91-5E2D686EE832}" dt="2022-11-22T09:29:11.801" v="3223" actId="478"/>
          <ac:grpSpMkLst>
            <pc:docMk/>
            <pc:sldMk cId="180152121" sldId="296"/>
            <ac:grpSpMk id="3" creationId="{30914637-BD16-40BE-AED2-531249B6431D}"/>
          </ac:grpSpMkLst>
        </pc:grpChg>
        <pc:grpChg chg="del">
          <ac:chgData name="Kinga Gniadek" userId="43cb074d-dcd1-4848-963b-d77b93284ad2" providerId="ADAL" clId="{F5658412-CB27-4EA0-9B91-5E2D686EE832}" dt="2022-11-22T09:29:08.957" v="3221" actId="478"/>
          <ac:grpSpMkLst>
            <pc:docMk/>
            <pc:sldMk cId="180152121" sldId="296"/>
            <ac:grpSpMk id="4" creationId="{940E25F6-A6D3-49CA-89CE-1F7843279E67}"/>
          </ac:grpSpMkLst>
        </pc:grpChg>
        <pc:grpChg chg="del">
          <ac:chgData name="Kinga Gniadek" userId="43cb074d-dcd1-4848-963b-d77b93284ad2" providerId="ADAL" clId="{F5658412-CB27-4EA0-9B91-5E2D686EE832}" dt="2022-11-22T09:29:10.363" v="3222" actId="478"/>
          <ac:grpSpMkLst>
            <pc:docMk/>
            <pc:sldMk cId="180152121" sldId="296"/>
            <ac:grpSpMk id="6" creationId="{5CD0D2E4-E3D6-4886-A012-4115CFB8A95C}"/>
          </ac:grpSpMkLst>
        </pc:grpChg>
        <pc:grpChg chg="add mod">
          <ac:chgData name="Kinga Gniadek" userId="43cb074d-dcd1-4848-963b-d77b93284ad2" providerId="ADAL" clId="{F5658412-CB27-4EA0-9B91-5E2D686EE832}" dt="2022-11-22T09:29:48.552" v="3235" actId="1076"/>
          <ac:grpSpMkLst>
            <pc:docMk/>
            <pc:sldMk cId="180152121" sldId="296"/>
            <ac:grpSpMk id="17" creationId="{8A952DAE-5D06-4D90-AF42-D7B3CE0790CA}"/>
          </ac:grpSpMkLst>
        </pc:grpChg>
        <pc:picChg chg="add mod">
          <ac:chgData name="Kinga Gniadek" userId="43cb074d-dcd1-4848-963b-d77b93284ad2" providerId="ADAL" clId="{F5658412-CB27-4EA0-9B91-5E2D686EE832}" dt="2022-11-25T07:12:41.649" v="15144" actId="1076"/>
          <ac:picMkLst>
            <pc:docMk/>
            <pc:sldMk cId="180152121" sldId="296"/>
            <ac:picMk id="3" creationId="{16CA10FF-A78B-4F30-8EE5-63F99B3E3B8E}"/>
          </ac:picMkLst>
        </pc:picChg>
        <pc:picChg chg="del">
          <ac:chgData name="Kinga Gniadek" userId="43cb074d-dcd1-4848-963b-d77b93284ad2" providerId="ADAL" clId="{F5658412-CB27-4EA0-9B91-5E2D686EE832}" dt="2022-11-25T07:11:22.784" v="15080" actId="478"/>
          <ac:picMkLst>
            <pc:docMk/>
            <pc:sldMk cId="180152121" sldId="296"/>
            <ac:picMk id="5" creationId="{AE7DCC0E-503B-8643-7A97-5BA6A5EE2C79}"/>
          </ac:picMkLst>
        </pc:picChg>
        <pc:picChg chg="add del mod">
          <ac:chgData name="Kinga Gniadek" userId="43cb074d-dcd1-4848-963b-d77b93284ad2" providerId="ADAL" clId="{F5658412-CB27-4EA0-9B91-5E2D686EE832}" dt="2022-11-25T07:12:12.748" v="15097" actId="478"/>
          <ac:picMkLst>
            <pc:docMk/>
            <pc:sldMk cId="180152121" sldId="296"/>
            <ac:picMk id="7" creationId="{18E4A740-AFE7-4658-9A3B-0DD84F93932D}"/>
          </ac:picMkLst>
        </pc:picChg>
        <pc:picChg chg="add del mod">
          <ac:chgData name="Kinga Gniadek" userId="43cb074d-dcd1-4848-963b-d77b93284ad2" providerId="ADAL" clId="{F5658412-CB27-4EA0-9B91-5E2D686EE832}" dt="2022-11-25T07:11:29.108" v="15083" actId="21"/>
          <ac:picMkLst>
            <pc:docMk/>
            <pc:sldMk cId="180152121" sldId="296"/>
            <ac:picMk id="8" creationId="{D59167CB-7F64-4B67-8066-A9FC9B9D22AD}"/>
          </ac:picMkLst>
        </pc:picChg>
        <pc:picChg chg="add del mod">
          <ac:chgData name="Kinga Gniadek" userId="43cb074d-dcd1-4848-963b-d77b93284ad2" providerId="ADAL" clId="{F5658412-CB27-4EA0-9B91-5E2D686EE832}" dt="2022-11-25T06:37:43.707" v="15068" actId="478"/>
          <ac:picMkLst>
            <pc:docMk/>
            <pc:sldMk cId="180152121" sldId="296"/>
            <ac:picMk id="9" creationId="{F4FC2534-CE7C-446F-ABEE-ED07DBA6F5B6}"/>
          </ac:picMkLst>
        </pc:picChg>
        <pc:picChg chg="mod">
          <ac:chgData name="Kinga Gniadek" userId="43cb074d-dcd1-4848-963b-d77b93284ad2" providerId="ADAL" clId="{F5658412-CB27-4EA0-9B91-5E2D686EE832}" dt="2022-11-25T07:14:20.253" v="15147" actId="1076"/>
          <ac:picMkLst>
            <pc:docMk/>
            <pc:sldMk cId="180152121" sldId="296"/>
            <ac:picMk id="10" creationId="{3DBEB729-1203-44C5-AFA2-B745B6A191BC}"/>
          </ac:picMkLst>
        </pc:picChg>
        <pc:picChg chg="add del mod">
          <ac:chgData name="Kinga Gniadek" userId="43cb074d-dcd1-4848-963b-d77b93284ad2" providerId="ADAL" clId="{F5658412-CB27-4EA0-9B91-5E2D686EE832}" dt="2022-11-25T07:11:54.501" v="15090" actId="21"/>
          <ac:picMkLst>
            <pc:docMk/>
            <pc:sldMk cId="180152121" sldId="296"/>
            <ac:picMk id="15" creationId="{E3B13007-1A71-4AF3-A31A-A894E8AE3474}"/>
          </ac:picMkLst>
        </pc:picChg>
        <pc:picChg chg="add del mod">
          <ac:chgData name="Kinga Gniadek" userId="43cb074d-dcd1-4848-963b-d77b93284ad2" providerId="ADAL" clId="{F5658412-CB27-4EA0-9B91-5E2D686EE832}" dt="2022-11-25T07:14:55.736" v="15159" actId="478"/>
          <ac:picMkLst>
            <pc:docMk/>
            <pc:sldMk cId="180152121" sldId="296"/>
            <ac:picMk id="16" creationId="{147971DF-328C-41C1-9DE7-9A08F465AAEB}"/>
          </ac:picMkLst>
        </pc:picChg>
        <pc:picChg chg="add del mod">
          <ac:chgData name="Kinga Gniadek" userId="43cb074d-dcd1-4848-963b-d77b93284ad2" providerId="ADAL" clId="{F5658412-CB27-4EA0-9B91-5E2D686EE832}" dt="2022-11-25T07:14:46.661" v="15156" actId="478"/>
          <ac:picMkLst>
            <pc:docMk/>
            <pc:sldMk cId="180152121" sldId="296"/>
            <ac:picMk id="18" creationId="{A778D867-DAE1-423C-8F56-A51149CCF5AA}"/>
          </ac:picMkLst>
        </pc:picChg>
        <pc:picChg chg="mod">
          <ac:chgData name="Kinga Gniadek" userId="43cb074d-dcd1-4848-963b-d77b93284ad2" providerId="ADAL" clId="{F5658412-CB27-4EA0-9B91-5E2D686EE832}" dt="2022-11-22T09:29:46.170" v="3234"/>
          <ac:picMkLst>
            <pc:docMk/>
            <pc:sldMk cId="180152121" sldId="296"/>
            <ac:picMk id="19" creationId="{0CB0ECD8-6C62-4A16-BCC9-351E77287C92}"/>
          </ac:picMkLst>
        </pc:picChg>
        <pc:picChg chg="add del mod">
          <ac:chgData name="Kinga Gniadek" userId="43cb074d-dcd1-4848-963b-d77b93284ad2" providerId="ADAL" clId="{F5658412-CB27-4EA0-9B91-5E2D686EE832}" dt="2022-11-25T07:14:53.112" v="15158" actId="478"/>
          <ac:picMkLst>
            <pc:docMk/>
            <pc:sldMk cId="180152121" sldId="296"/>
            <ac:picMk id="20" creationId="{D434D37F-27CE-4272-860B-0529B0A3475A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09:55:29.069" v="16488" actId="20577"/>
        <pc:sldMkLst>
          <pc:docMk/>
          <pc:sldMk cId="2530289182" sldId="297"/>
        </pc:sldMkLst>
        <pc:spChg chg="mod">
          <ac:chgData name="Kinga Gniadek" userId="43cb074d-dcd1-4848-963b-d77b93284ad2" providerId="ADAL" clId="{F5658412-CB27-4EA0-9B91-5E2D686EE832}" dt="2022-12-02T09:55:29.069" v="16488" actId="20577"/>
          <ac:spMkLst>
            <pc:docMk/>
            <pc:sldMk cId="2530289182" sldId="297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2T07:16:50.374" v="16447" actId="20577"/>
          <ac:spMkLst>
            <pc:docMk/>
            <pc:sldMk cId="2530289182" sldId="297"/>
            <ac:spMk id="14" creationId="{B6CA66AD-D631-4C5E-A924-BC952D4B4394}"/>
          </ac:spMkLst>
        </pc:spChg>
        <pc:spChg chg="mod">
          <ac:chgData name="Kinga Gniadek" userId="43cb074d-dcd1-4848-963b-d77b93284ad2" providerId="ADAL" clId="{F5658412-CB27-4EA0-9B91-5E2D686EE832}" dt="2022-11-22T09:30:12.063" v="3244"/>
          <ac:spMkLst>
            <pc:docMk/>
            <pc:sldMk cId="2530289182" sldId="297"/>
            <ac:spMk id="15" creationId="{4B7010BE-C963-44B5-BA09-4B0665340F6B}"/>
          </ac:spMkLst>
        </pc:spChg>
        <pc:grpChg chg="add mod">
          <ac:chgData name="Kinga Gniadek" userId="43cb074d-dcd1-4848-963b-d77b93284ad2" providerId="ADAL" clId="{F5658412-CB27-4EA0-9B91-5E2D686EE832}" dt="2022-11-22T09:31:11.585" v="3276" actId="1076"/>
          <ac:grpSpMkLst>
            <pc:docMk/>
            <pc:sldMk cId="2530289182" sldId="297"/>
            <ac:grpSpMk id="9" creationId="{1C82BF9D-43AE-4724-9BD9-7812DB9C092B}"/>
          </ac:grpSpMkLst>
        </pc:grpChg>
        <pc:grpChg chg="del">
          <ac:chgData name="Kinga Gniadek" userId="43cb074d-dcd1-4848-963b-d77b93284ad2" providerId="ADAL" clId="{F5658412-CB27-4EA0-9B91-5E2D686EE832}" dt="2022-11-22T09:30:13.333" v="3245" actId="478"/>
          <ac:grpSpMkLst>
            <pc:docMk/>
            <pc:sldMk cId="2530289182" sldId="297"/>
            <ac:grpSpMk id="17" creationId="{8A952DAE-5D06-4D90-AF42-D7B3CE0790CA}"/>
          </ac:grpSpMkLst>
        </pc:grpChg>
        <pc:picChg chg="mod">
          <ac:chgData name="Kinga Gniadek" userId="43cb074d-dcd1-4848-963b-d77b93284ad2" providerId="ADAL" clId="{F5658412-CB27-4EA0-9B91-5E2D686EE832}" dt="2022-11-22T09:30:37.417" v="3260" actId="1076"/>
          <ac:picMkLst>
            <pc:docMk/>
            <pc:sldMk cId="2530289182" sldId="297"/>
            <ac:picMk id="10" creationId="{3DBEB729-1203-44C5-AFA2-B745B6A191BC}"/>
          </ac:picMkLst>
        </pc:picChg>
        <pc:picChg chg="mod">
          <ac:chgData name="Kinga Gniadek" userId="43cb074d-dcd1-4848-963b-d77b93284ad2" providerId="ADAL" clId="{F5658412-CB27-4EA0-9B91-5E2D686EE832}" dt="2022-11-22T09:30:12.063" v="3244"/>
          <ac:picMkLst>
            <pc:docMk/>
            <pc:sldMk cId="2530289182" sldId="297"/>
            <ac:picMk id="11" creationId="{4747A52F-29B2-4AB9-8085-94B874E66545}"/>
          </ac:picMkLst>
        </pc:picChg>
        <pc:picChg chg="add mod">
          <ac:chgData name="Kinga Gniadek" userId="43cb074d-dcd1-4848-963b-d77b93284ad2" providerId="ADAL" clId="{F5658412-CB27-4EA0-9B91-5E2D686EE832}" dt="2022-12-01T07:15:55.269" v="15989" actId="1076"/>
          <ac:picMkLst>
            <pc:docMk/>
            <pc:sldMk cId="2530289182" sldId="297"/>
            <ac:picMk id="16" creationId="{EDCAD5CF-B09B-45C6-B7A7-24F8BF78673D}"/>
          </ac:picMkLst>
        </pc:picChg>
      </pc:sldChg>
      <pc:sldChg chg="addSp delSp modSp add mod ord modTransition">
        <pc:chgData name="Kinga Gniadek" userId="43cb074d-dcd1-4848-963b-d77b93284ad2" providerId="ADAL" clId="{F5658412-CB27-4EA0-9B91-5E2D686EE832}" dt="2022-12-02T10:05:51.713" v="16625" actId="1076"/>
        <pc:sldMkLst>
          <pc:docMk/>
          <pc:sldMk cId="1800252558" sldId="298"/>
        </pc:sldMkLst>
        <pc:spChg chg="add del mod">
          <ac:chgData name="Kinga Gniadek" userId="43cb074d-dcd1-4848-963b-d77b93284ad2" providerId="ADAL" clId="{F5658412-CB27-4EA0-9B91-5E2D686EE832}" dt="2022-12-02T10:05:44.166" v="16623" actId="478"/>
          <ac:spMkLst>
            <pc:docMk/>
            <pc:sldMk cId="1800252558" sldId="298"/>
            <ac:spMk id="5" creationId="{2BF5EC93-DC58-4CB1-9311-277D2CD2D7CD}"/>
          </ac:spMkLst>
        </pc:spChg>
        <pc:spChg chg="add mod">
          <ac:chgData name="Kinga Gniadek" userId="43cb074d-dcd1-4848-963b-d77b93284ad2" providerId="ADAL" clId="{F5658412-CB27-4EA0-9B91-5E2D686EE832}" dt="2022-12-02T10:05:51.713" v="16625" actId="1076"/>
          <ac:spMkLst>
            <pc:docMk/>
            <pc:sldMk cId="1800252558" sldId="298"/>
            <ac:spMk id="6" creationId="{D3397C4A-3AD9-46A2-B5F1-2347E188E91A}"/>
          </ac:spMkLst>
        </pc:spChg>
        <pc:spChg chg="mod">
          <ac:chgData name="Kinga Gniadek" userId="43cb074d-dcd1-4848-963b-d77b93284ad2" providerId="ADAL" clId="{F5658412-CB27-4EA0-9B91-5E2D686EE832}" dt="2022-12-02T10:05:36.159" v="16621" actId="20577"/>
          <ac:spMkLst>
            <pc:docMk/>
            <pc:sldMk cId="1800252558" sldId="298"/>
            <ac:spMk id="9" creationId="{BC8328B3-46B9-814A-9805-A5626BF21769}"/>
          </ac:spMkLst>
        </pc:spChg>
        <pc:picChg chg="del">
          <ac:chgData name="Kinga Gniadek" userId="43cb074d-dcd1-4848-963b-d77b93284ad2" providerId="ADAL" clId="{F5658412-CB27-4EA0-9B91-5E2D686EE832}" dt="2022-11-22T09:39:18.096" v="3310" actId="478"/>
          <ac:picMkLst>
            <pc:docMk/>
            <pc:sldMk cId="1800252558" sldId="298"/>
            <ac:picMk id="3" creationId="{3389EC28-F9C4-4DB5-8873-DDE2BC3B5312}"/>
          </ac:picMkLst>
        </pc:picChg>
        <pc:picChg chg="add del mod">
          <ac:chgData name="Kinga Gniadek" userId="43cb074d-dcd1-4848-963b-d77b93284ad2" providerId="ADAL" clId="{F5658412-CB27-4EA0-9B91-5E2D686EE832}" dt="2022-11-22T09:40:37.785" v="3375" actId="21"/>
          <ac:picMkLst>
            <pc:docMk/>
            <pc:sldMk cId="1800252558" sldId="298"/>
            <ac:picMk id="5" creationId="{62D0A4D1-E609-4D1B-AD8B-80B56D4F63C2}"/>
          </ac:picMkLst>
        </pc:picChg>
      </pc:sldChg>
      <pc:sldChg chg="addSp delSp modSp add del mod ord">
        <pc:chgData name="Kinga Gniadek" userId="43cb074d-dcd1-4848-963b-d77b93284ad2" providerId="ADAL" clId="{F5658412-CB27-4EA0-9B91-5E2D686EE832}" dt="2022-11-22T09:37:28.927" v="3306" actId="47"/>
        <pc:sldMkLst>
          <pc:docMk/>
          <pc:sldMk cId="1920399872" sldId="298"/>
        </pc:sldMkLst>
        <pc:spChg chg="mod">
          <ac:chgData name="Kinga Gniadek" userId="43cb074d-dcd1-4848-963b-d77b93284ad2" providerId="ADAL" clId="{F5658412-CB27-4EA0-9B91-5E2D686EE832}" dt="2022-11-22T09:37:23.617" v="3303" actId="20577"/>
          <ac:spMkLst>
            <pc:docMk/>
            <pc:sldMk cId="1920399872" sldId="298"/>
            <ac:spMk id="9" creationId="{BC8328B3-46B9-814A-9805-A5626BF21769}"/>
          </ac:spMkLst>
        </pc:spChg>
        <pc:picChg chg="add del">
          <ac:chgData name="Kinga Gniadek" userId="43cb074d-dcd1-4848-963b-d77b93284ad2" providerId="ADAL" clId="{F5658412-CB27-4EA0-9B91-5E2D686EE832}" dt="2022-11-22T09:37:23.851" v="3304" actId="478"/>
          <ac:picMkLst>
            <pc:docMk/>
            <pc:sldMk cId="1920399872" sldId="298"/>
            <ac:picMk id="3" creationId="{3389EC28-F9C4-4DB5-8873-DDE2BC3B5312}"/>
          </ac:picMkLst>
        </pc:picChg>
      </pc:sldChg>
      <pc:sldChg chg="add del">
        <pc:chgData name="Kinga Gniadek" userId="43cb074d-dcd1-4848-963b-d77b93284ad2" providerId="ADAL" clId="{F5658412-CB27-4EA0-9B91-5E2D686EE832}" dt="2022-11-22T09:39:40.613" v="3338"/>
        <pc:sldMkLst>
          <pc:docMk/>
          <pc:sldMk cId="2935322469" sldId="299"/>
        </pc:sldMkLst>
      </pc:sldChg>
      <pc:sldChg chg="addSp delSp modSp add mod ord modTransition">
        <pc:chgData name="Kinga Gniadek" userId="43cb074d-dcd1-4848-963b-d77b93284ad2" providerId="ADAL" clId="{F5658412-CB27-4EA0-9B91-5E2D686EE832}" dt="2022-12-02T10:05:56.402" v="16627" actId="20577"/>
        <pc:sldMkLst>
          <pc:docMk/>
          <pc:sldMk cId="3671953097" sldId="299"/>
        </pc:sldMkLst>
        <pc:spChg chg="mod">
          <ac:chgData name="Kinga Gniadek" userId="43cb074d-dcd1-4848-963b-d77b93284ad2" providerId="ADAL" clId="{F5658412-CB27-4EA0-9B91-5E2D686EE832}" dt="2022-12-02T10:05:56.402" v="16627" actId="20577"/>
          <ac:spMkLst>
            <pc:docMk/>
            <pc:sldMk cId="3671953097" sldId="299"/>
            <ac:spMk id="12" creationId="{4FFB8876-A80B-45BF-B457-69F329D40EAB}"/>
          </ac:spMkLst>
        </pc:spChg>
        <pc:spChg chg="add mod">
          <ac:chgData name="Kinga Gniadek" userId="43cb074d-dcd1-4848-963b-d77b93284ad2" providerId="ADAL" clId="{F5658412-CB27-4EA0-9B91-5E2D686EE832}" dt="2022-11-24T07:22:20.251" v="9632" actId="1076"/>
          <ac:spMkLst>
            <pc:docMk/>
            <pc:sldMk cId="3671953097" sldId="299"/>
            <ac:spMk id="14" creationId="{12F66E70-E1DE-446E-A82F-8B7657AE603C}"/>
          </ac:spMkLst>
        </pc:spChg>
        <pc:spChg chg="del">
          <ac:chgData name="Kinga Gniadek" userId="43cb074d-dcd1-4848-963b-d77b93284ad2" providerId="ADAL" clId="{F5658412-CB27-4EA0-9B91-5E2D686EE832}" dt="2022-11-22T09:39:58.213" v="3372" actId="478"/>
          <ac:spMkLst>
            <pc:docMk/>
            <pc:sldMk cId="3671953097" sldId="299"/>
            <ac:spMk id="14" creationId="{B6CA66AD-D631-4C5E-A924-BC952D4B4394}"/>
          </ac:spMkLst>
        </pc:spChg>
        <pc:spChg chg="add mod">
          <ac:chgData name="Kinga Gniadek" userId="43cb074d-dcd1-4848-963b-d77b93284ad2" providerId="ADAL" clId="{F5658412-CB27-4EA0-9B91-5E2D686EE832}" dt="2022-11-24T07:22:55.511" v="9638" actId="1076"/>
          <ac:spMkLst>
            <pc:docMk/>
            <pc:sldMk cId="3671953097" sldId="299"/>
            <ac:spMk id="15" creationId="{C8193E12-0BCC-4DF6-8CDC-3E4FB4022A3E}"/>
          </ac:spMkLst>
        </pc:spChg>
        <pc:spChg chg="add mod">
          <ac:chgData name="Kinga Gniadek" userId="43cb074d-dcd1-4848-963b-d77b93284ad2" providerId="ADAL" clId="{F5658412-CB27-4EA0-9B91-5E2D686EE832}" dt="2022-12-02T10:05:53.785" v="16626"/>
          <ac:spMkLst>
            <pc:docMk/>
            <pc:sldMk cId="3671953097" sldId="299"/>
            <ac:spMk id="16" creationId="{1E494E1E-50B9-4833-8C33-10875827424E}"/>
          </ac:spMkLst>
        </pc:spChg>
        <pc:spChg chg="add mod">
          <ac:chgData name="Kinga Gniadek" userId="43cb074d-dcd1-4848-963b-d77b93284ad2" providerId="ADAL" clId="{F5658412-CB27-4EA0-9B91-5E2D686EE832}" dt="2022-11-22T09:43:40.269" v="3425" actId="164"/>
          <ac:spMkLst>
            <pc:docMk/>
            <pc:sldMk cId="3671953097" sldId="299"/>
            <ac:spMk id="18" creationId="{0C90B137-D639-49D7-BE15-4CC61807B9B7}"/>
          </ac:spMkLst>
        </pc:spChg>
        <pc:spChg chg="add mod">
          <ac:chgData name="Kinga Gniadek" userId="43cb074d-dcd1-4848-963b-d77b93284ad2" providerId="ADAL" clId="{F5658412-CB27-4EA0-9B91-5E2D686EE832}" dt="2022-11-22T09:43:19.139" v="3418" actId="164"/>
          <ac:spMkLst>
            <pc:docMk/>
            <pc:sldMk cId="3671953097" sldId="299"/>
            <ac:spMk id="19" creationId="{6897E0EA-5DB1-473D-A49D-74950D28B7DC}"/>
          </ac:spMkLst>
        </pc:spChg>
        <pc:spChg chg="add mod">
          <ac:chgData name="Kinga Gniadek" userId="43cb074d-dcd1-4848-963b-d77b93284ad2" providerId="ADAL" clId="{F5658412-CB27-4EA0-9B91-5E2D686EE832}" dt="2022-11-24T07:22:20.251" v="9632" actId="1076"/>
          <ac:spMkLst>
            <pc:docMk/>
            <pc:sldMk cId="3671953097" sldId="299"/>
            <ac:spMk id="21" creationId="{3D1C55F5-D205-48BB-98F5-FD3FE83028E7}"/>
          </ac:spMkLst>
        </pc:spChg>
        <pc:spChg chg="add mod">
          <ac:chgData name="Kinga Gniadek" userId="43cb074d-dcd1-4848-963b-d77b93284ad2" providerId="ADAL" clId="{F5658412-CB27-4EA0-9B91-5E2D686EE832}" dt="2022-11-24T07:22:20.251" v="9632" actId="1076"/>
          <ac:spMkLst>
            <pc:docMk/>
            <pc:sldMk cId="3671953097" sldId="299"/>
            <ac:spMk id="22" creationId="{515A59C5-B1F0-47F3-B107-369A318AF699}"/>
          </ac:spMkLst>
        </pc:spChg>
        <pc:grpChg chg="add mod">
          <ac:chgData name="Kinga Gniadek" userId="43cb074d-dcd1-4848-963b-d77b93284ad2" providerId="ADAL" clId="{F5658412-CB27-4EA0-9B91-5E2D686EE832}" dt="2022-11-24T07:22:20.251" v="9632" actId="1076"/>
          <ac:grpSpMkLst>
            <pc:docMk/>
            <pc:sldMk cId="3671953097" sldId="299"/>
            <ac:grpSpMk id="8" creationId="{505AE454-CC82-4555-8353-E3DA04A698B6}"/>
          </ac:grpSpMkLst>
        </pc:grpChg>
        <pc:grpChg chg="del">
          <ac:chgData name="Kinga Gniadek" userId="43cb074d-dcd1-4848-963b-d77b93284ad2" providerId="ADAL" clId="{F5658412-CB27-4EA0-9B91-5E2D686EE832}" dt="2022-11-22T09:39:55.787" v="3371" actId="478"/>
          <ac:grpSpMkLst>
            <pc:docMk/>
            <pc:sldMk cId="3671953097" sldId="299"/>
            <ac:grpSpMk id="9" creationId="{1C82BF9D-43AE-4724-9BD9-7812DB9C092B}"/>
          </ac:grpSpMkLst>
        </pc:grpChg>
        <pc:grpChg chg="add mod">
          <ac:chgData name="Kinga Gniadek" userId="43cb074d-dcd1-4848-963b-d77b93284ad2" providerId="ADAL" clId="{F5658412-CB27-4EA0-9B91-5E2D686EE832}" dt="2022-11-24T07:22:20.251" v="9632" actId="1076"/>
          <ac:grpSpMkLst>
            <pc:docMk/>
            <pc:sldMk cId="3671953097" sldId="299"/>
            <ac:grpSpMk id="20" creationId="{3DAA1178-3559-49CE-B87A-60ADF3696C18}"/>
          </ac:grpSpMkLst>
        </pc:grpChg>
        <pc:picChg chg="add mod">
          <ac:chgData name="Kinga Gniadek" userId="43cb074d-dcd1-4848-963b-d77b93284ad2" providerId="ADAL" clId="{F5658412-CB27-4EA0-9B91-5E2D686EE832}" dt="2022-11-22T09:43:19.139" v="3418" actId="164"/>
          <ac:picMkLst>
            <pc:docMk/>
            <pc:sldMk cId="3671953097" sldId="299"/>
            <ac:picMk id="3" creationId="{62FE843E-FB18-4E0B-AB68-CE398BBA15B8}"/>
          </ac:picMkLst>
        </pc:picChg>
        <pc:picChg chg="add del mod">
          <ac:chgData name="Kinga Gniadek" userId="43cb074d-dcd1-4848-963b-d77b93284ad2" providerId="ADAL" clId="{F5658412-CB27-4EA0-9B91-5E2D686EE832}" dt="2022-11-22T09:49:36.770" v="3501" actId="478"/>
          <ac:picMkLst>
            <pc:docMk/>
            <pc:sldMk cId="3671953097" sldId="299"/>
            <ac:picMk id="5" creationId="{D522DEC3-6E62-40F0-83E9-3F8EE7DA5C31}"/>
          </ac:picMkLst>
        </pc:picChg>
        <pc:picChg chg="add del mod">
          <ac:chgData name="Kinga Gniadek" userId="43cb074d-dcd1-4848-963b-d77b93284ad2" providerId="ADAL" clId="{F5658412-CB27-4EA0-9B91-5E2D686EE832}" dt="2022-11-22T09:49:39.913" v="3502" actId="478"/>
          <ac:picMkLst>
            <pc:docMk/>
            <pc:sldMk cId="3671953097" sldId="299"/>
            <ac:picMk id="7" creationId="{E3D468C1-3146-4C78-AB52-D42ABEA1CD48}"/>
          </ac:picMkLst>
        </pc:picChg>
        <pc:picChg chg="mod">
          <ac:chgData name="Kinga Gniadek" userId="43cb074d-dcd1-4848-963b-d77b93284ad2" providerId="ADAL" clId="{F5658412-CB27-4EA0-9B91-5E2D686EE832}" dt="2022-11-22T10:06:45.588" v="3816" actId="1076"/>
          <ac:picMkLst>
            <pc:docMk/>
            <pc:sldMk cId="3671953097" sldId="299"/>
            <ac:picMk id="10" creationId="{3DBEB729-1203-44C5-AFA2-B745B6A191BC}"/>
          </ac:picMkLst>
        </pc:picChg>
        <pc:picChg chg="del">
          <ac:chgData name="Kinga Gniadek" userId="43cb074d-dcd1-4848-963b-d77b93284ad2" providerId="ADAL" clId="{F5658412-CB27-4EA0-9B91-5E2D686EE832}" dt="2022-11-22T09:39:58.897" v="3373" actId="478"/>
          <ac:picMkLst>
            <pc:docMk/>
            <pc:sldMk cId="3671953097" sldId="299"/>
            <ac:picMk id="16" creationId="{EDCAD5CF-B09B-45C6-B7A7-24F8BF78673D}"/>
          </ac:picMkLst>
        </pc:picChg>
        <pc:picChg chg="add mod">
          <ac:chgData name="Kinga Gniadek" userId="43cb074d-dcd1-4848-963b-d77b93284ad2" providerId="ADAL" clId="{F5658412-CB27-4EA0-9B91-5E2D686EE832}" dt="2022-11-22T09:43:40.269" v="3425" actId="164"/>
          <ac:picMkLst>
            <pc:docMk/>
            <pc:sldMk cId="3671953097" sldId="299"/>
            <ac:picMk id="17" creationId="{FC53A68C-1153-4FA4-A280-8C187B33AB2B}"/>
          </ac:picMkLst>
        </pc:picChg>
        <pc:picChg chg="add del mod">
          <ac:chgData name="Kinga Gniadek" userId="43cb074d-dcd1-4848-963b-d77b93284ad2" providerId="ADAL" clId="{F5658412-CB27-4EA0-9B91-5E2D686EE832}" dt="2022-11-22T10:05:25.156" v="3802" actId="478"/>
          <ac:picMkLst>
            <pc:docMk/>
            <pc:sldMk cId="3671953097" sldId="299"/>
            <ac:picMk id="23" creationId="{CDAE90FB-8301-4C2C-83B2-C5318FA83F49}"/>
          </ac:picMkLst>
        </pc:picChg>
        <pc:picChg chg="add del mod">
          <ac:chgData name="Kinga Gniadek" userId="43cb074d-dcd1-4848-963b-d77b93284ad2" providerId="ADAL" clId="{F5658412-CB27-4EA0-9B91-5E2D686EE832}" dt="2022-11-24T07:18:37.476" v="9542" actId="478"/>
          <ac:picMkLst>
            <pc:docMk/>
            <pc:sldMk cId="3671953097" sldId="299"/>
            <ac:picMk id="25" creationId="{6A16227F-A1AD-45D4-86E9-046A7848BF70}"/>
          </ac:picMkLst>
        </pc:picChg>
      </pc:sldChg>
      <pc:sldChg chg="addSp delSp modSp add mod ord modTransition modNotesTx">
        <pc:chgData name="Kinga Gniadek" userId="43cb074d-dcd1-4848-963b-d77b93284ad2" providerId="ADAL" clId="{F5658412-CB27-4EA0-9B91-5E2D686EE832}" dt="2022-12-02T10:06:04.527" v="16631" actId="20577"/>
        <pc:sldMkLst>
          <pc:docMk/>
          <pc:sldMk cId="167090222" sldId="300"/>
        </pc:sldMkLst>
        <pc:spChg chg="add mod">
          <ac:chgData name="Kinga Gniadek" userId="43cb074d-dcd1-4848-963b-d77b93284ad2" providerId="ADAL" clId="{F5658412-CB27-4EA0-9B91-5E2D686EE832}" dt="2022-11-24T07:20:23.532" v="9583" actId="20577"/>
          <ac:spMkLst>
            <pc:docMk/>
            <pc:sldMk cId="167090222" sldId="300"/>
            <ac:spMk id="7" creationId="{832B60CE-874B-4042-B20F-DC1281AF9D96}"/>
          </ac:spMkLst>
        </pc:spChg>
        <pc:spChg chg="add mod">
          <ac:chgData name="Kinga Gniadek" userId="43cb074d-dcd1-4848-963b-d77b93284ad2" providerId="ADAL" clId="{F5658412-CB27-4EA0-9B91-5E2D686EE832}" dt="2022-12-02T10:06:02.313" v="16630"/>
          <ac:spMkLst>
            <pc:docMk/>
            <pc:sldMk cId="167090222" sldId="300"/>
            <ac:spMk id="8" creationId="{24AB0A68-B426-4C08-BD61-1A05529BC52E}"/>
          </ac:spMkLst>
        </pc:spChg>
        <pc:spChg chg="mod">
          <ac:chgData name="Kinga Gniadek" userId="43cb074d-dcd1-4848-963b-d77b93284ad2" providerId="ADAL" clId="{F5658412-CB27-4EA0-9B91-5E2D686EE832}" dt="2022-12-02T10:06:04.527" v="16631" actId="20577"/>
          <ac:spMkLst>
            <pc:docMk/>
            <pc:sldMk cId="167090222" sldId="300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3:26.807" v="16082" actId="20577"/>
          <ac:spMkLst>
            <pc:docMk/>
            <pc:sldMk cId="167090222" sldId="300"/>
            <ac:spMk id="14" creationId="{B6CA66AD-D631-4C5E-A924-BC952D4B4394}"/>
          </ac:spMkLst>
        </pc:spChg>
        <pc:spChg chg="del mod topLvl">
          <ac:chgData name="Kinga Gniadek" userId="43cb074d-dcd1-4848-963b-d77b93284ad2" providerId="ADAL" clId="{F5658412-CB27-4EA0-9B91-5E2D686EE832}" dt="2022-11-22T09:46:51.589" v="3483" actId="478"/>
          <ac:spMkLst>
            <pc:docMk/>
            <pc:sldMk cId="167090222" sldId="300"/>
            <ac:spMk id="19" creationId="{E6CB7CB6-7E49-4558-B0E2-C4B66BE88923}"/>
          </ac:spMkLst>
        </pc:spChg>
        <pc:grpChg chg="del">
          <ac:chgData name="Kinga Gniadek" userId="43cb074d-dcd1-4848-963b-d77b93284ad2" providerId="ADAL" clId="{F5658412-CB27-4EA0-9B91-5E2D686EE832}" dt="2022-11-22T09:45:59.285" v="3455" actId="478"/>
          <ac:grpSpMkLst>
            <pc:docMk/>
            <pc:sldMk cId="167090222" sldId="300"/>
            <ac:grpSpMk id="9" creationId="{1C82BF9D-43AE-4724-9BD9-7812DB9C092B}"/>
          </ac:grpSpMkLst>
        </pc:grpChg>
        <pc:grpChg chg="add del mod">
          <ac:chgData name="Kinga Gniadek" userId="43cb074d-dcd1-4848-963b-d77b93284ad2" providerId="ADAL" clId="{F5658412-CB27-4EA0-9B91-5E2D686EE832}" dt="2022-11-22T09:46:51.589" v="3483" actId="478"/>
          <ac:grpSpMkLst>
            <pc:docMk/>
            <pc:sldMk cId="167090222" sldId="300"/>
            <ac:grpSpMk id="17" creationId="{71DDA5BF-68C1-4588-8766-6078AA1C912F}"/>
          </ac:grpSpMkLst>
        </pc:grpChg>
        <pc:picChg chg="mod">
          <ac:chgData name="Kinga Gniadek" userId="43cb074d-dcd1-4848-963b-d77b93284ad2" providerId="ADAL" clId="{F5658412-CB27-4EA0-9B91-5E2D686EE832}" dt="2022-11-24T07:20:55.298" v="9622" actId="1076"/>
          <ac:picMkLst>
            <pc:docMk/>
            <pc:sldMk cId="167090222" sldId="300"/>
            <ac:picMk id="10" creationId="{3DBEB729-1203-44C5-AFA2-B745B6A191BC}"/>
          </ac:picMkLst>
        </pc:picChg>
        <pc:picChg chg="del">
          <ac:chgData name="Kinga Gniadek" userId="43cb074d-dcd1-4848-963b-d77b93284ad2" providerId="ADAL" clId="{F5658412-CB27-4EA0-9B91-5E2D686EE832}" dt="2022-11-22T09:46:03.254" v="3457" actId="478"/>
          <ac:picMkLst>
            <pc:docMk/>
            <pc:sldMk cId="167090222" sldId="300"/>
            <ac:picMk id="16" creationId="{EDCAD5CF-B09B-45C6-B7A7-24F8BF78673D}"/>
          </ac:picMkLst>
        </pc:picChg>
        <pc:picChg chg="mod topLvl">
          <ac:chgData name="Kinga Gniadek" userId="43cb074d-dcd1-4848-963b-d77b93284ad2" providerId="ADAL" clId="{F5658412-CB27-4EA0-9B91-5E2D686EE832}" dt="2022-11-22T09:47:02.506" v="3487" actId="1076"/>
          <ac:picMkLst>
            <pc:docMk/>
            <pc:sldMk cId="167090222" sldId="300"/>
            <ac:picMk id="18" creationId="{4CDBF5D4-A44E-43B1-B053-2637FCFC6736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06:12.447" v="16635"/>
        <pc:sldMkLst>
          <pc:docMk/>
          <pc:sldMk cId="2494811750" sldId="301"/>
        </pc:sldMkLst>
        <pc:spChg chg="add mod">
          <ac:chgData name="Kinga Gniadek" userId="43cb074d-dcd1-4848-963b-d77b93284ad2" providerId="ADAL" clId="{F5658412-CB27-4EA0-9B91-5E2D686EE832}" dt="2022-11-24T07:18:13.031" v="9541" actId="20577"/>
          <ac:spMkLst>
            <pc:docMk/>
            <pc:sldMk cId="2494811750" sldId="301"/>
            <ac:spMk id="7" creationId="{C74A88D0-C536-4254-9C5A-0FD7201CF2C3}"/>
          </ac:spMkLst>
        </pc:spChg>
        <pc:spChg chg="add mod">
          <ac:chgData name="Kinga Gniadek" userId="43cb074d-dcd1-4848-963b-d77b93284ad2" providerId="ADAL" clId="{F5658412-CB27-4EA0-9B91-5E2D686EE832}" dt="2022-12-02T10:06:12.447" v="16635"/>
          <ac:spMkLst>
            <pc:docMk/>
            <pc:sldMk cId="2494811750" sldId="301"/>
            <ac:spMk id="9" creationId="{344ADAD7-9270-4B5B-9971-440456C85859}"/>
          </ac:spMkLst>
        </pc:spChg>
        <pc:spChg chg="del mod topLvl">
          <ac:chgData name="Kinga Gniadek" userId="43cb074d-dcd1-4848-963b-d77b93284ad2" providerId="ADAL" clId="{F5658412-CB27-4EA0-9B91-5E2D686EE832}" dt="2022-11-22T09:51:14.599" v="3542" actId="478"/>
          <ac:spMkLst>
            <pc:docMk/>
            <pc:sldMk cId="2494811750" sldId="301"/>
            <ac:spMk id="9" creationId="{772434B1-0036-4199-B0B5-7A854F4D8849}"/>
          </ac:spMkLst>
        </pc:spChg>
        <pc:spChg chg="mod">
          <ac:chgData name="Kinga Gniadek" userId="43cb074d-dcd1-4848-963b-d77b93284ad2" providerId="ADAL" clId="{F5658412-CB27-4EA0-9B91-5E2D686EE832}" dt="2022-12-02T10:06:11.795" v="16634" actId="20577"/>
          <ac:spMkLst>
            <pc:docMk/>
            <pc:sldMk cId="2494811750" sldId="301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3:56.037" v="16085" actId="207"/>
          <ac:spMkLst>
            <pc:docMk/>
            <pc:sldMk cId="2494811750" sldId="301"/>
            <ac:spMk id="14" creationId="{B6CA66AD-D631-4C5E-A924-BC952D4B4394}"/>
          </ac:spMkLst>
        </pc:spChg>
        <pc:grpChg chg="add del mod">
          <ac:chgData name="Kinga Gniadek" userId="43cb074d-dcd1-4848-963b-d77b93284ad2" providerId="ADAL" clId="{F5658412-CB27-4EA0-9B91-5E2D686EE832}" dt="2022-11-24T07:16:37.029" v="9485" actId="478"/>
          <ac:grpSpMkLst>
            <pc:docMk/>
            <pc:sldMk cId="2494811750" sldId="301"/>
            <ac:grpSpMk id="6" creationId="{64D4C2CC-30D4-419F-AE49-70C55F572EA4}"/>
          </ac:grpSpMkLst>
        </pc:grpChg>
        <pc:grpChg chg="add del mod">
          <ac:chgData name="Kinga Gniadek" userId="43cb074d-dcd1-4848-963b-d77b93284ad2" providerId="ADAL" clId="{F5658412-CB27-4EA0-9B91-5E2D686EE832}" dt="2022-11-22T09:51:14.599" v="3542" actId="478"/>
          <ac:grpSpMkLst>
            <pc:docMk/>
            <pc:sldMk cId="2494811750" sldId="301"/>
            <ac:grpSpMk id="7" creationId="{302DC478-727B-4F21-BC53-D098604CF86E}"/>
          </ac:grpSpMkLst>
        </pc:grpChg>
        <pc:picChg chg="add mod">
          <ac:chgData name="Kinga Gniadek" userId="43cb074d-dcd1-4848-963b-d77b93284ad2" providerId="ADAL" clId="{F5658412-CB27-4EA0-9B91-5E2D686EE832}" dt="2022-11-24T07:16:31.320" v="9483" actId="164"/>
          <ac:picMkLst>
            <pc:docMk/>
            <pc:sldMk cId="2494811750" sldId="301"/>
            <ac:picMk id="3" creationId="{25C8CA0D-796A-40B4-94DE-40C9729C35CD}"/>
          </ac:picMkLst>
        </pc:picChg>
        <pc:picChg chg="add mod">
          <ac:chgData name="Kinga Gniadek" userId="43cb074d-dcd1-4848-963b-d77b93284ad2" providerId="ADAL" clId="{F5658412-CB27-4EA0-9B91-5E2D686EE832}" dt="2022-11-24T07:16:31.320" v="9483" actId="164"/>
          <ac:picMkLst>
            <pc:docMk/>
            <pc:sldMk cId="2494811750" sldId="301"/>
            <ac:picMk id="5" creationId="{C3947BD2-062D-44BD-BA0B-19801A0C8226}"/>
          </ac:picMkLst>
        </pc:picChg>
        <pc:picChg chg="mod topLvl">
          <ac:chgData name="Kinga Gniadek" userId="43cb074d-dcd1-4848-963b-d77b93284ad2" providerId="ADAL" clId="{F5658412-CB27-4EA0-9B91-5E2D686EE832}" dt="2022-11-22T09:52:04.650" v="3559" actId="1076"/>
          <ac:picMkLst>
            <pc:docMk/>
            <pc:sldMk cId="2494811750" sldId="301"/>
            <ac:picMk id="8" creationId="{6923C743-9AB6-42FC-8006-582DD9C53712}"/>
          </ac:picMkLst>
        </pc:picChg>
        <pc:picChg chg="add del mod">
          <ac:chgData name="Kinga Gniadek" userId="43cb074d-dcd1-4848-963b-d77b93284ad2" providerId="ADAL" clId="{F5658412-CB27-4EA0-9B91-5E2D686EE832}" dt="2022-11-24T07:16:38.757" v="9486" actId="478"/>
          <ac:picMkLst>
            <pc:docMk/>
            <pc:sldMk cId="2494811750" sldId="301"/>
            <ac:picMk id="11" creationId="{E9205A0A-977B-4D37-BF47-4EFEFC93D57F}"/>
          </ac:picMkLst>
        </pc:picChg>
        <pc:picChg chg="del">
          <ac:chgData name="Kinga Gniadek" userId="43cb074d-dcd1-4848-963b-d77b93284ad2" providerId="ADAL" clId="{F5658412-CB27-4EA0-9B91-5E2D686EE832}" dt="2022-11-22T09:51:15.950" v="3543" actId="478"/>
          <ac:picMkLst>
            <pc:docMk/>
            <pc:sldMk cId="2494811750" sldId="301"/>
            <ac:picMk id="18" creationId="{4CDBF5D4-A44E-43B1-B053-2637FCFC6736}"/>
          </ac:picMkLst>
        </pc:picChg>
      </pc:sldChg>
      <pc:sldChg chg="addSp modSp add mod ord modTransition">
        <pc:chgData name="Kinga Gniadek" userId="43cb074d-dcd1-4848-963b-d77b93284ad2" providerId="ADAL" clId="{F5658412-CB27-4EA0-9B91-5E2D686EE832}" dt="2022-12-02T10:06:24.512" v="16637" actId="20577"/>
        <pc:sldMkLst>
          <pc:docMk/>
          <pc:sldMk cId="970576487" sldId="302"/>
        </pc:sldMkLst>
        <pc:spChg chg="add mod">
          <ac:chgData name="Kinga Gniadek" userId="43cb074d-dcd1-4848-963b-d77b93284ad2" providerId="ADAL" clId="{F5658412-CB27-4EA0-9B91-5E2D686EE832}" dt="2022-12-02T10:06:22.497" v="16636"/>
          <ac:spMkLst>
            <pc:docMk/>
            <pc:sldMk cId="970576487" sldId="302"/>
            <ac:spMk id="5" creationId="{A2EB03B5-F842-43F2-A9C2-954BDD2844AA}"/>
          </ac:spMkLst>
        </pc:spChg>
        <pc:spChg chg="mod">
          <ac:chgData name="Kinga Gniadek" userId="43cb074d-dcd1-4848-963b-d77b93284ad2" providerId="ADAL" clId="{F5658412-CB27-4EA0-9B91-5E2D686EE832}" dt="2022-12-02T10:06:24.512" v="16637" actId="20577"/>
          <ac:spMkLst>
            <pc:docMk/>
            <pc:sldMk cId="970576487" sldId="302"/>
            <ac:spMk id="9" creationId="{BC8328B3-46B9-814A-9805-A5626BF21769}"/>
          </ac:spMkLst>
        </pc:spChg>
      </pc:sldChg>
      <pc:sldChg chg="addSp modSp add mod modTransition">
        <pc:chgData name="Kinga Gniadek" userId="43cb074d-dcd1-4848-963b-d77b93284ad2" providerId="ADAL" clId="{F5658412-CB27-4EA0-9B91-5E2D686EE832}" dt="2022-12-02T10:06:31.202" v="16640" actId="20577"/>
        <pc:sldMkLst>
          <pc:docMk/>
          <pc:sldMk cId="785523801" sldId="303"/>
        </pc:sldMkLst>
        <pc:spChg chg="add mod">
          <ac:chgData name="Kinga Gniadek" userId="43cb074d-dcd1-4848-963b-d77b93284ad2" providerId="ADAL" clId="{F5658412-CB27-4EA0-9B91-5E2D686EE832}" dt="2022-12-02T10:06:29.608" v="16639"/>
          <ac:spMkLst>
            <pc:docMk/>
            <pc:sldMk cId="785523801" sldId="303"/>
            <ac:spMk id="5" creationId="{75A9DD01-588C-44C5-9E7D-E4AF9B13C88B}"/>
          </ac:spMkLst>
        </pc:spChg>
        <pc:spChg chg="mod">
          <ac:chgData name="Kinga Gniadek" userId="43cb074d-dcd1-4848-963b-d77b93284ad2" providerId="ADAL" clId="{F5658412-CB27-4EA0-9B91-5E2D686EE832}" dt="2022-12-02T10:06:31.202" v="16640" actId="20577"/>
          <ac:spMkLst>
            <pc:docMk/>
            <pc:sldMk cId="785523801" sldId="303"/>
            <ac:spMk id="9" creationId="{BC8328B3-46B9-814A-9805-A5626BF21769}"/>
          </ac:spMkLst>
        </pc:spChg>
      </pc:sldChg>
      <pc:sldChg chg="modSp add mod modTransition">
        <pc:chgData name="Kinga Gniadek" userId="43cb074d-dcd1-4848-963b-d77b93284ad2" providerId="ADAL" clId="{F5658412-CB27-4EA0-9B91-5E2D686EE832}" dt="2022-12-02T09:57:31.355" v="16572" actId="1076"/>
        <pc:sldMkLst>
          <pc:docMk/>
          <pc:sldMk cId="2687048347" sldId="304"/>
        </pc:sldMkLst>
        <pc:spChg chg="mod">
          <ac:chgData name="Kinga Gniadek" userId="43cb074d-dcd1-4848-963b-d77b93284ad2" providerId="ADAL" clId="{F5658412-CB27-4EA0-9B91-5E2D686EE832}" dt="2022-12-02T09:57:31.355" v="16572" actId="1076"/>
          <ac:spMkLst>
            <pc:docMk/>
            <pc:sldMk cId="2687048347" sldId="304"/>
            <ac:spMk id="9" creationId="{BC8328B3-46B9-814A-9805-A5626BF21769}"/>
          </ac:spMkLst>
        </pc:spChg>
      </pc:sldChg>
      <pc:sldChg chg="modSp add mod modTransition">
        <pc:chgData name="Kinga Gniadek" userId="43cb074d-dcd1-4848-963b-d77b93284ad2" providerId="ADAL" clId="{F5658412-CB27-4EA0-9B91-5E2D686EE832}" dt="2022-11-24T14:27:32.402" v="14992"/>
        <pc:sldMkLst>
          <pc:docMk/>
          <pc:sldMk cId="1154648506" sldId="305"/>
        </pc:sldMkLst>
        <pc:spChg chg="mod">
          <ac:chgData name="Kinga Gniadek" userId="43cb074d-dcd1-4848-963b-d77b93284ad2" providerId="ADAL" clId="{F5658412-CB27-4EA0-9B91-5E2D686EE832}" dt="2022-11-22T09:53:00.083" v="3599" actId="20577"/>
          <ac:spMkLst>
            <pc:docMk/>
            <pc:sldMk cId="1154648506" sldId="305"/>
            <ac:spMk id="9" creationId="{BC8328B3-46B9-814A-9805-A5626BF21769}"/>
          </ac:spMkLst>
        </pc:spChg>
      </pc:sldChg>
      <pc:sldChg chg="addSp delSp modSp add mod ord modTransition setBg">
        <pc:chgData name="Kinga Gniadek" userId="43cb074d-dcd1-4848-963b-d77b93284ad2" providerId="ADAL" clId="{F5658412-CB27-4EA0-9B91-5E2D686EE832}" dt="2022-12-02T10:06:26.670" v="16638"/>
        <pc:sldMkLst>
          <pc:docMk/>
          <pc:sldMk cId="1329865577" sldId="306"/>
        </pc:sldMkLst>
        <pc:spChg chg="add mod">
          <ac:chgData name="Kinga Gniadek" userId="43cb074d-dcd1-4848-963b-d77b93284ad2" providerId="ADAL" clId="{F5658412-CB27-4EA0-9B91-5E2D686EE832}" dt="2022-12-02T10:06:26.670" v="16638"/>
          <ac:spMkLst>
            <pc:docMk/>
            <pc:sldMk cId="1329865577" sldId="306"/>
            <ac:spMk id="8" creationId="{A125CFCC-1EC6-4D23-8F0A-B159B2417390}"/>
          </ac:spMkLst>
        </pc:spChg>
        <pc:spChg chg="del">
          <ac:chgData name="Kinga Gniadek" userId="43cb074d-dcd1-4848-963b-d77b93284ad2" providerId="ADAL" clId="{F5658412-CB27-4EA0-9B91-5E2D686EE832}" dt="2022-11-22T09:53:23.884" v="3603" actId="478"/>
          <ac:spMkLst>
            <pc:docMk/>
            <pc:sldMk cId="1329865577" sldId="306"/>
            <ac:spMk id="12" creationId="{4FFB8876-A80B-45BF-B457-69F329D40EAB}"/>
          </ac:spMkLst>
        </pc:spChg>
        <pc:spChg chg="del">
          <ac:chgData name="Kinga Gniadek" userId="43cb074d-dcd1-4848-963b-d77b93284ad2" providerId="ADAL" clId="{F5658412-CB27-4EA0-9B91-5E2D686EE832}" dt="2022-11-22T09:53:23.884" v="3603" actId="478"/>
          <ac:spMkLst>
            <pc:docMk/>
            <pc:sldMk cId="1329865577" sldId="306"/>
            <ac:spMk id="14" creationId="{B6CA66AD-D631-4C5E-A924-BC952D4B4394}"/>
          </ac:spMkLst>
        </pc:spChg>
        <pc:picChg chg="add del">
          <ac:chgData name="Kinga Gniadek" userId="43cb074d-dcd1-4848-963b-d77b93284ad2" providerId="ADAL" clId="{F5658412-CB27-4EA0-9B91-5E2D686EE832}" dt="2022-12-02T06:43:38.838" v="16342" actId="21"/>
          <ac:picMkLst>
            <pc:docMk/>
            <pc:sldMk cId="1329865577" sldId="306"/>
            <ac:picMk id="3" creationId="{D1975160-1C19-417C-8127-BD9B7966DA70}"/>
          </ac:picMkLst>
        </pc:picChg>
        <pc:picChg chg="add del">
          <ac:chgData name="Kinga Gniadek" userId="43cb074d-dcd1-4848-963b-d77b93284ad2" providerId="ADAL" clId="{F5658412-CB27-4EA0-9B91-5E2D686EE832}" dt="2022-12-02T06:53:16.973" v="16379" actId="478"/>
          <ac:picMkLst>
            <pc:docMk/>
            <pc:sldMk cId="1329865577" sldId="306"/>
            <ac:picMk id="4" creationId="{AD348094-F5D2-4A16-9173-E3C162D2A0DB}"/>
          </ac:picMkLst>
        </pc:picChg>
        <pc:picChg chg="add">
          <ac:chgData name="Kinga Gniadek" userId="43cb074d-dcd1-4848-963b-d77b93284ad2" providerId="ADAL" clId="{F5658412-CB27-4EA0-9B91-5E2D686EE832}" dt="2022-12-02T06:53:45.227" v="16380" actId="22"/>
          <ac:picMkLst>
            <pc:docMk/>
            <pc:sldMk cId="1329865577" sldId="306"/>
            <ac:picMk id="6" creationId="{B82EB3A7-85EF-4720-B0BD-DA09EC954657}"/>
          </ac:picMkLst>
        </pc:picChg>
        <pc:picChg chg="del">
          <ac:chgData name="Kinga Gniadek" userId="43cb074d-dcd1-4848-963b-d77b93284ad2" providerId="ADAL" clId="{F5658412-CB27-4EA0-9B91-5E2D686EE832}" dt="2022-11-22T09:53:23.884" v="3603" actId="478"/>
          <ac:picMkLst>
            <pc:docMk/>
            <pc:sldMk cId="1329865577" sldId="306"/>
            <ac:picMk id="8" creationId="{6923C743-9AB6-42FC-8006-582DD9C53712}"/>
          </ac:picMkLst>
        </pc:picChg>
        <pc:picChg chg="add del mod">
          <ac:chgData name="Kinga Gniadek" userId="43cb074d-dcd1-4848-963b-d77b93284ad2" providerId="ADAL" clId="{F5658412-CB27-4EA0-9B91-5E2D686EE832}" dt="2022-11-22T09:54:56.027" v="3609" actId="478"/>
          <ac:picMkLst>
            <pc:docMk/>
            <pc:sldMk cId="1329865577" sldId="306"/>
            <ac:picMk id="9" creationId="{63594A1A-F5E2-4076-907F-933563B75EBB}"/>
          </ac:picMkLst>
        </pc:picChg>
        <pc:picChg chg="del">
          <ac:chgData name="Kinga Gniadek" userId="43cb074d-dcd1-4848-963b-d77b93284ad2" providerId="ADAL" clId="{F5658412-CB27-4EA0-9B91-5E2D686EE832}" dt="2022-11-22T10:04:14.114" v="3793" actId="478"/>
          <ac:picMkLst>
            <pc:docMk/>
            <pc:sldMk cId="1329865577" sldId="306"/>
            <ac:picMk id="10" creationId="{3DBEB729-1203-44C5-AFA2-B745B6A191BC}"/>
          </ac:picMkLst>
        </pc:picChg>
        <pc:picChg chg="del">
          <ac:chgData name="Kinga Gniadek" userId="43cb074d-dcd1-4848-963b-d77b93284ad2" providerId="ADAL" clId="{F5658412-CB27-4EA0-9B91-5E2D686EE832}" dt="2022-11-22T09:53:23.884" v="3603" actId="478"/>
          <ac:picMkLst>
            <pc:docMk/>
            <pc:sldMk cId="1329865577" sldId="306"/>
            <ac:picMk id="11" creationId="{E9205A0A-977B-4D37-BF47-4EFEFC93D57F}"/>
          </ac:picMkLst>
        </pc:picChg>
        <pc:picChg chg="del">
          <ac:chgData name="Kinga Gniadek" userId="43cb074d-dcd1-4848-963b-d77b93284ad2" providerId="ADAL" clId="{F5658412-CB27-4EA0-9B91-5E2D686EE832}" dt="2022-11-22T10:04:12.985" v="3792" actId="478"/>
          <ac:picMkLst>
            <pc:docMk/>
            <pc:sldMk cId="1329865577" sldId="306"/>
            <ac:picMk id="13" creationId="{C1B89E39-78A6-4166-AF93-8F35BC510575}"/>
          </ac:picMkLst>
        </pc:picChg>
        <pc:picChg chg="add del mod">
          <ac:chgData name="Kinga Gniadek" userId="43cb074d-dcd1-4848-963b-d77b93284ad2" providerId="ADAL" clId="{F5658412-CB27-4EA0-9B91-5E2D686EE832}" dt="2022-11-22T10:04:33.037" v="3797"/>
          <ac:picMkLst>
            <pc:docMk/>
            <pc:sldMk cId="1329865577" sldId="306"/>
            <ac:picMk id="15" creationId="{ACE25772-35BB-401C-845C-8B2B49D5BE7D}"/>
          </ac:picMkLst>
        </pc:picChg>
        <pc:picChg chg="add mod">
          <ac:chgData name="Kinga Gniadek" userId="43cb074d-dcd1-4848-963b-d77b93284ad2" providerId="ADAL" clId="{F5658412-CB27-4EA0-9B91-5E2D686EE832}" dt="2022-11-22T10:04:34.265" v="3799"/>
          <ac:picMkLst>
            <pc:docMk/>
            <pc:sldMk cId="1329865577" sldId="306"/>
            <ac:picMk id="16" creationId="{4BAD13AA-AE4F-4010-BF6B-D5E963B1E79D}"/>
          </ac:picMkLst>
        </pc:picChg>
        <pc:picChg chg="add del mod">
          <ac:chgData name="Kinga Gniadek" userId="43cb074d-dcd1-4848-963b-d77b93284ad2" providerId="ADAL" clId="{F5658412-CB27-4EA0-9B91-5E2D686EE832}" dt="2022-11-24T07:23:45.061" v="9639" actId="478"/>
          <ac:picMkLst>
            <pc:docMk/>
            <pc:sldMk cId="1329865577" sldId="306"/>
            <ac:picMk id="3074" creationId="{947132AB-298B-4512-9691-8644135E79A1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06:38.369" v="16643"/>
        <pc:sldMkLst>
          <pc:docMk/>
          <pc:sldMk cId="3666522024" sldId="307"/>
        </pc:sldMkLst>
        <pc:spChg chg="mod">
          <ac:chgData name="Kinga Gniadek" userId="43cb074d-dcd1-4848-963b-d77b93284ad2" providerId="ADAL" clId="{F5658412-CB27-4EA0-9B91-5E2D686EE832}" dt="2022-12-02T10:06:38.060" v="16642" actId="20577"/>
          <ac:spMkLst>
            <pc:docMk/>
            <pc:sldMk cId="3666522024" sldId="307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4:36.628" v="16099" actId="20577"/>
          <ac:spMkLst>
            <pc:docMk/>
            <pc:sldMk cId="3666522024" sldId="307"/>
            <ac:spMk id="14" creationId="{B6CA66AD-D631-4C5E-A924-BC952D4B4394}"/>
          </ac:spMkLst>
        </pc:spChg>
        <pc:spChg chg="add mod">
          <ac:chgData name="Kinga Gniadek" userId="43cb074d-dcd1-4848-963b-d77b93284ad2" providerId="ADAL" clId="{F5658412-CB27-4EA0-9B91-5E2D686EE832}" dt="2022-11-24T07:36:13.024" v="9663" actId="14100"/>
          <ac:spMkLst>
            <pc:docMk/>
            <pc:sldMk cId="3666522024" sldId="307"/>
            <ac:spMk id="15" creationId="{F2B9393F-CE1D-4BB5-8541-9302AEE8E662}"/>
          </ac:spMkLst>
        </pc:spChg>
        <pc:spChg chg="add mod">
          <ac:chgData name="Kinga Gniadek" userId="43cb074d-dcd1-4848-963b-d77b93284ad2" providerId="ADAL" clId="{F5658412-CB27-4EA0-9B91-5E2D686EE832}" dt="2022-12-02T10:06:38.369" v="16643"/>
          <ac:spMkLst>
            <pc:docMk/>
            <pc:sldMk cId="3666522024" sldId="307"/>
            <ac:spMk id="16" creationId="{2DA483E4-86B8-46A0-AAA1-7738E00E405A}"/>
          </ac:spMkLst>
        </pc:spChg>
        <pc:grpChg chg="mod">
          <ac:chgData name="Kinga Gniadek" userId="43cb074d-dcd1-4848-963b-d77b93284ad2" providerId="ADAL" clId="{F5658412-CB27-4EA0-9B91-5E2D686EE832}" dt="2022-11-22T09:56:38.436" v="3647" actId="1076"/>
          <ac:grpSpMkLst>
            <pc:docMk/>
            <pc:sldMk cId="3666522024" sldId="307"/>
            <ac:grpSpMk id="17" creationId="{8A952DAE-5D06-4D90-AF42-D7B3CE0790CA}"/>
          </ac:grpSpMkLst>
        </pc:grpChg>
        <pc:picChg chg="del">
          <ac:chgData name="Kinga Gniadek" userId="43cb074d-dcd1-4848-963b-d77b93284ad2" providerId="ADAL" clId="{F5658412-CB27-4EA0-9B91-5E2D686EE832}" dt="2022-11-22T09:55:57.013" v="3634" actId="478"/>
          <ac:picMkLst>
            <pc:docMk/>
            <pc:sldMk cId="3666522024" sldId="307"/>
            <ac:picMk id="7" creationId="{18E4A740-AFE7-4658-9A3B-0DD84F93932D}"/>
          </ac:picMkLst>
        </pc:picChg>
        <pc:picChg chg="mod">
          <ac:chgData name="Kinga Gniadek" userId="43cb074d-dcd1-4848-963b-d77b93284ad2" providerId="ADAL" clId="{F5658412-CB27-4EA0-9B91-5E2D686EE832}" dt="2022-11-22T09:55:43.007" v="3612" actId="1076"/>
          <ac:picMkLst>
            <pc:docMk/>
            <pc:sldMk cId="3666522024" sldId="307"/>
            <ac:picMk id="10" creationId="{3DBEB729-1203-44C5-AFA2-B745B6A191BC}"/>
          </ac:picMkLst>
        </pc:picChg>
        <pc:picChg chg="add mod ord">
          <ac:chgData name="Kinga Gniadek" userId="43cb074d-dcd1-4848-963b-d77b93284ad2" providerId="ADAL" clId="{F5658412-CB27-4EA0-9B91-5E2D686EE832}" dt="2022-11-22T09:56:44.312" v="3648" actId="1076"/>
          <ac:picMkLst>
            <pc:docMk/>
            <pc:sldMk cId="3666522024" sldId="307"/>
            <ac:picMk id="11" creationId="{404A1566-ED9A-489B-8B64-B6D843A7786E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16:59.105" v="16656" actId="21"/>
        <pc:sldMkLst>
          <pc:docMk/>
          <pc:sldMk cId="1804972876" sldId="308"/>
        </pc:sldMkLst>
        <pc:spChg chg="mod">
          <ac:chgData name="Kinga Gniadek" userId="43cb074d-dcd1-4848-963b-d77b93284ad2" providerId="ADAL" clId="{F5658412-CB27-4EA0-9B91-5E2D686EE832}" dt="2022-12-02T10:06:42.644" v="16645" actId="20577"/>
          <ac:spMkLst>
            <pc:docMk/>
            <pc:sldMk cId="1804972876" sldId="308"/>
            <ac:spMk id="12" creationId="{4FFB8876-A80B-45BF-B457-69F329D40EAB}"/>
          </ac:spMkLst>
        </pc:spChg>
        <pc:spChg chg="add del mod">
          <ac:chgData name="Kinga Gniadek" userId="43cb074d-dcd1-4848-963b-d77b93284ad2" providerId="ADAL" clId="{F5658412-CB27-4EA0-9B91-5E2D686EE832}" dt="2022-11-24T07:38:22.751" v="9667" actId="26606"/>
          <ac:spMkLst>
            <pc:docMk/>
            <pc:sldMk cId="1804972876" sldId="308"/>
            <ac:spMk id="14" creationId="{B6CA66AD-D631-4C5E-A924-BC952D4B4394}"/>
          </ac:spMkLst>
        </pc:spChg>
        <pc:spChg chg="add mod">
          <ac:chgData name="Kinga Gniadek" userId="43cb074d-dcd1-4848-963b-d77b93284ad2" providerId="ADAL" clId="{F5658412-CB27-4EA0-9B91-5E2D686EE832}" dt="2022-12-02T10:06:40.790" v="16644"/>
          <ac:spMkLst>
            <pc:docMk/>
            <pc:sldMk cId="1804972876" sldId="308"/>
            <ac:spMk id="16" creationId="{6B3C6FB3-46BA-4774-A526-7E4ABA351AD0}"/>
          </ac:spMkLst>
        </pc:spChg>
        <pc:spChg chg="add del mod">
          <ac:chgData name="Kinga Gniadek" userId="43cb074d-dcd1-4848-963b-d77b93284ad2" providerId="ADAL" clId="{F5658412-CB27-4EA0-9B91-5E2D686EE832}" dt="2022-12-02T10:16:59.105" v="16656" actId="21"/>
          <ac:spMkLst>
            <pc:docMk/>
            <pc:sldMk cId="1804972876" sldId="308"/>
            <ac:spMk id="17" creationId="{C8DD1F5F-E41C-4DF5-84EA-C026D517A103}"/>
          </ac:spMkLst>
        </pc:spChg>
        <pc:spChg chg="mod">
          <ac:chgData name="Kinga Gniadek" userId="43cb074d-dcd1-4848-963b-d77b93284ad2" providerId="ADAL" clId="{F5658412-CB27-4EA0-9B91-5E2D686EE832}" dt="2022-11-22T09:57:28.928" v="3685"/>
          <ac:spMkLst>
            <pc:docMk/>
            <pc:sldMk cId="1804972876" sldId="308"/>
            <ac:spMk id="18" creationId="{8D0545B7-8399-4E7E-8DB9-20F071C9FF45}"/>
          </ac:spMkLst>
        </pc:spChg>
        <pc:spChg chg="add mod">
          <ac:chgData name="Kinga Gniadek" userId="43cb074d-dcd1-4848-963b-d77b93284ad2" providerId="ADAL" clId="{F5658412-CB27-4EA0-9B91-5E2D686EE832}" dt="2022-11-24T07:34:54.395" v="9649" actId="1076"/>
          <ac:spMkLst>
            <pc:docMk/>
            <pc:sldMk cId="1804972876" sldId="308"/>
            <ac:spMk id="22" creationId="{511BE9F4-4CD5-406E-9752-5010FA55B7EC}"/>
          </ac:spMkLst>
        </pc:spChg>
        <pc:spChg chg="mod">
          <ac:chgData name="Kinga Gniadek" userId="43cb074d-dcd1-4848-963b-d77b93284ad2" providerId="ADAL" clId="{F5658412-CB27-4EA0-9B91-5E2D686EE832}" dt="2022-11-22T09:59:21.301" v="3744" actId="207"/>
          <ac:spMkLst>
            <pc:docMk/>
            <pc:sldMk cId="1804972876" sldId="308"/>
            <ac:spMk id="23" creationId="{6D693696-2613-4FD6-BBB4-3A0B066DB886}"/>
          </ac:spMkLst>
        </pc:spChg>
        <pc:grpChg chg="add del mod ord">
          <ac:chgData name="Kinga Gniadek" userId="43cb074d-dcd1-4848-963b-d77b93284ad2" providerId="ADAL" clId="{F5658412-CB27-4EA0-9B91-5E2D686EE832}" dt="2022-11-24T07:34:47.219" v="9645" actId="478"/>
          <ac:grpSpMkLst>
            <pc:docMk/>
            <pc:sldMk cId="1804972876" sldId="308"/>
            <ac:grpSpMk id="2" creationId="{F7D409D4-5969-45C0-91F7-DEA54F05E9DC}"/>
          </ac:grpSpMkLst>
        </pc:grpChg>
        <pc:grpChg chg="add mod">
          <ac:chgData name="Kinga Gniadek" userId="43cb074d-dcd1-4848-963b-d77b93284ad2" providerId="ADAL" clId="{F5658412-CB27-4EA0-9B91-5E2D686EE832}" dt="2022-11-22T09:57:33.093" v="3686" actId="14100"/>
          <ac:grpSpMkLst>
            <pc:docMk/>
            <pc:sldMk cId="1804972876" sldId="308"/>
            <ac:grpSpMk id="15" creationId="{1168A254-FFA0-4DAF-9DBB-8F6EB710388A}"/>
          </ac:grpSpMkLst>
        </pc:grpChg>
        <pc:grpChg chg="mod">
          <ac:chgData name="Kinga Gniadek" userId="43cb074d-dcd1-4848-963b-d77b93284ad2" providerId="ADAL" clId="{F5658412-CB27-4EA0-9B91-5E2D686EE832}" dt="2022-11-22T09:57:23.669" v="3684" actId="1076"/>
          <ac:grpSpMkLst>
            <pc:docMk/>
            <pc:sldMk cId="1804972876" sldId="308"/>
            <ac:grpSpMk id="17" creationId="{8A952DAE-5D06-4D90-AF42-D7B3CE0790CA}"/>
          </ac:grpSpMkLst>
        </pc:grpChg>
        <pc:graphicFrameChg chg="add del">
          <ac:chgData name="Kinga Gniadek" userId="43cb074d-dcd1-4848-963b-d77b93284ad2" providerId="ADAL" clId="{F5658412-CB27-4EA0-9B91-5E2D686EE832}" dt="2022-11-24T07:38:15.004" v="9665" actId="26606"/>
          <ac:graphicFrameMkLst>
            <pc:docMk/>
            <pc:sldMk cId="1804972876" sldId="308"/>
            <ac:graphicFrameMk id="25" creationId="{E5AC9715-0102-7C48-AB7B-12A5D08E3AAD}"/>
          </ac:graphicFrameMkLst>
        </pc:graphicFrameChg>
        <pc:graphicFrameChg chg="add del">
          <ac:chgData name="Kinga Gniadek" userId="43cb074d-dcd1-4848-963b-d77b93284ad2" providerId="ADAL" clId="{F5658412-CB27-4EA0-9B91-5E2D686EE832}" dt="2022-11-24T07:38:22.751" v="9667" actId="26606"/>
          <ac:graphicFrameMkLst>
            <pc:docMk/>
            <pc:sldMk cId="1804972876" sldId="308"/>
            <ac:graphicFrameMk id="26" creationId="{6084F9C3-54AF-C2AC-7F71-75654D15FD60}"/>
          </ac:graphicFrameMkLst>
        </pc:graphicFrameChg>
        <pc:picChg chg="mod">
          <ac:chgData name="Kinga Gniadek" userId="43cb074d-dcd1-4848-963b-d77b93284ad2" providerId="ADAL" clId="{F5658412-CB27-4EA0-9B91-5E2D686EE832}" dt="2022-11-22T09:57:18.758" v="3682" actId="1076"/>
          <ac:picMkLst>
            <pc:docMk/>
            <pc:sldMk cId="1804972876" sldId="308"/>
            <ac:picMk id="10" creationId="{3DBEB729-1203-44C5-AFA2-B745B6A191BC}"/>
          </ac:picMkLst>
        </pc:picChg>
        <pc:picChg chg="del">
          <ac:chgData name="Kinga Gniadek" userId="43cb074d-dcd1-4848-963b-d77b93284ad2" providerId="ADAL" clId="{F5658412-CB27-4EA0-9B91-5E2D686EE832}" dt="2022-11-22T09:57:15.366" v="3680" actId="478"/>
          <ac:picMkLst>
            <pc:docMk/>
            <pc:sldMk cId="1804972876" sldId="308"/>
            <ac:picMk id="11" creationId="{404A1566-ED9A-489B-8B64-B6D843A7786E}"/>
          </ac:picMkLst>
        </pc:picChg>
        <pc:picChg chg="mod">
          <ac:chgData name="Kinga Gniadek" userId="43cb074d-dcd1-4848-963b-d77b93284ad2" providerId="ADAL" clId="{F5658412-CB27-4EA0-9B91-5E2D686EE832}" dt="2022-11-22T09:57:28.928" v="3685"/>
          <ac:picMkLst>
            <pc:docMk/>
            <pc:sldMk cId="1804972876" sldId="308"/>
            <ac:picMk id="16" creationId="{CB367263-08E8-48F6-8B20-46A7AEFE83F7}"/>
          </ac:picMkLst>
        </pc:picChg>
        <pc:picChg chg="add mod topLvl">
          <ac:chgData name="Kinga Gniadek" userId="43cb074d-dcd1-4848-963b-d77b93284ad2" providerId="ADAL" clId="{F5658412-CB27-4EA0-9B91-5E2D686EE832}" dt="2022-11-24T07:34:47.219" v="9645" actId="478"/>
          <ac:picMkLst>
            <pc:docMk/>
            <pc:sldMk cId="1804972876" sldId="308"/>
            <ac:picMk id="20" creationId="{25FFE7A1-45AF-47BB-8457-AB1839B78A3B}"/>
          </ac:picMkLst>
        </pc:picChg>
        <pc:picChg chg="add del mod topLvl">
          <ac:chgData name="Kinga Gniadek" userId="43cb074d-dcd1-4848-963b-d77b93284ad2" providerId="ADAL" clId="{F5658412-CB27-4EA0-9B91-5E2D686EE832}" dt="2022-11-24T07:34:47.219" v="9645" actId="478"/>
          <ac:picMkLst>
            <pc:docMk/>
            <pc:sldMk cId="1804972876" sldId="308"/>
            <ac:picMk id="21" creationId="{1D129317-897E-4952-B0BA-A4E559CB800F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06:46.140" v="16648" actId="20577"/>
        <pc:sldMkLst>
          <pc:docMk/>
          <pc:sldMk cId="982755593" sldId="309"/>
        </pc:sldMkLst>
        <pc:spChg chg="mod">
          <ac:chgData name="Kinga Gniadek" userId="43cb074d-dcd1-4848-963b-d77b93284ad2" providerId="ADAL" clId="{F5658412-CB27-4EA0-9B91-5E2D686EE832}" dt="2022-12-02T10:06:46.140" v="16648" actId="20577"/>
          <ac:spMkLst>
            <pc:docMk/>
            <pc:sldMk cId="982755593" sldId="309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1-22T09:59:15.141" v="3743" actId="207"/>
          <ac:spMkLst>
            <pc:docMk/>
            <pc:sldMk cId="982755593" sldId="309"/>
            <ac:spMk id="14" creationId="{B6CA66AD-D631-4C5E-A924-BC952D4B4394}"/>
          </ac:spMkLst>
        </pc:spChg>
        <pc:spChg chg="add mod">
          <ac:chgData name="Kinga Gniadek" userId="43cb074d-dcd1-4848-963b-d77b93284ad2" providerId="ADAL" clId="{F5658412-CB27-4EA0-9B91-5E2D686EE832}" dt="2022-12-02T10:06:44.010" v="16646"/>
          <ac:spMkLst>
            <pc:docMk/>
            <pc:sldMk cId="982755593" sldId="309"/>
            <ac:spMk id="15" creationId="{A51F9BE7-3B79-43F3-84C8-FBBB7FCA311C}"/>
          </ac:spMkLst>
        </pc:spChg>
        <pc:spChg chg="add mod">
          <ac:chgData name="Kinga Gniadek" userId="43cb074d-dcd1-4848-963b-d77b93284ad2" providerId="ADAL" clId="{F5658412-CB27-4EA0-9B91-5E2D686EE832}" dt="2022-11-24T07:35:00.696" v="9651"/>
          <ac:spMkLst>
            <pc:docMk/>
            <pc:sldMk cId="982755593" sldId="309"/>
            <ac:spMk id="22" creationId="{0007D799-2EB8-42B2-A03A-35D43DF1EBC4}"/>
          </ac:spMkLst>
        </pc:spChg>
        <pc:spChg chg="mod">
          <ac:chgData name="Kinga Gniadek" userId="43cb074d-dcd1-4848-963b-d77b93284ad2" providerId="ADAL" clId="{F5658412-CB27-4EA0-9B91-5E2D686EE832}" dt="2022-11-22T09:59:09.937" v="3741" actId="207"/>
          <ac:spMkLst>
            <pc:docMk/>
            <pc:sldMk cId="982755593" sldId="309"/>
            <ac:spMk id="23" creationId="{6D693696-2613-4FD6-BBB4-3A0B066DB886}"/>
          </ac:spMkLst>
        </pc:spChg>
        <pc:grpChg chg="del">
          <ac:chgData name="Kinga Gniadek" userId="43cb074d-dcd1-4848-963b-d77b93284ad2" providerId="ADAL" clId="{F5658412-CB27-4EA0-9B91-5E2D686EE832}" dt="2022-11-24T07:35:00.311" v="9650" actId="478"/>
          <ac:grpSpMkLst>
            <pc:docMk/>
            <pc:sldMk cId="982755593" sldId="309"/>
            <ac:grpSpMk id="2" creationId="{F7D409D4-5969-45C0-91F7-DEA54F05E9DC}"/>
          </ac:grpSpMkLst>
        </pc:grpChg>
        <pc:picChg chg="topLvl">
          <ac:chgData name="Kinga Gniadek" userId="43cb074d-dcd1-4848-963b-d77b93284ad2" providerId="ADAL" clId="{F5658412-CB27-4EA0-9B91-5E2D686EE832}" dt="2022-11-24T07:35:00.311" v="9650" actId="478"/>
          <ac:picMkLst>
            <pc:docMk/>
            <pc:sldMk cId="982755593" sldId="309"/>
            <ac:picMk id="20" creationId="{25FFE7A1-45AF-47BB-8457-AB1839B78A3B}"/>
          </ac:picMkLst>
        </pc:picChg>
        <pc:picChg chg="del topLvl">
          <ac:chgData name="Kinga Gniadek" userId="43cb074d-dcd1-4848-963b-d77b93284ad2" providerId="ADAL" clId="{F5658412-CB27-4EA0-9B91-5E2D686EE832}" dt="2022-11-24T07:35:00.311" v="9650" actId="478"/>
          <ac:picMkLst>
            <pc:docMk/>
            <pc:sldMk cId="982755593" sldId="309"/>
            <ac:picMk id="21" creationId="{1D129317-897E-4952-B0BA-A4E559CB800F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07:03.689" v="16651"/>
        <pc:sldMkLst>
          <pc:docMk/>
          <pc:sldMk cId="928204253" sldId="310"/>
        </pc:sldMkLst>
        <pc:spChg chg="mod">
          <ac:chgData name="Kinga Gniadek" userId="43cb074d-dcd1-4848-963b-d77b93284ad2" providerId="ADAL" clId="{F5658412-CB27-4EA0-9B91-5E2D686EE832}" dt="2022-12-02T10:06:55.921" v="16650" actId="20577"/>
          <ac:spMkLst>
            <pc:docMk/>
            <pc:sldMk cId="928204253" sldId="310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4:44.791" v="16100" actId="20577"/>
          <ac:spMkLst>
            <pc:docMk/>
            <pc:sldMk cId="928204253" sldId="310"/>
            <ac:spMk id="14" creationId="{B6CA66AD-D631-4C5E-A924-BC952D4B4394}"/>
          </ac:spMkLst>
        </pc:spChg>
        <pc:spChg chg="add mod">
          <ac:chgData name="Kinga Gniadek" userId="43cb074d-dcd1-4848-963b-d77b93284ad2" providerId="ADAL" clId="{F5658412-CB27-4EA0-9B91-5E2D686EE832}" dt="2022-12-02T10:06:53.243" v="16649"/>
          <ac:spMkLst>
            <pc:docMk/>
            <pc:sldMk cId="928204253" sldId="310"/>
            <ac:spMk id="15" creationId="{F63D05AF-ECC7-49DC-91D7-8AFF3270E389}"/>
          </ac:spMkLst>
        </pc:spChg>
        <pc:spChg chg="add mod">
          <ac:chgData name="Kinga Gniadek" userId="43cb074d-dcd1-4848-963b-d77b93284ad2" providerId="ADAL" clId="{F5658412-CB27-4EA0-9B91-5E2D686EE832}" dt="2022-12-02T10:07:03.689" v="16651"/>
          <ac:spMkLst>
            <pc:docMk/>
            <pc:sldMk cId="928204253" sldId="310"/>
            <ac:spMk id="16" creationId="{509BD31F-3C12-4F4F-B6D0-B4C87530098D}"/>
          </ac:spMkLst>
        </pc:spChg>
        <pc:spChg chg="add mod">
          <ac:chgData name="Kinga Gniadek" userId="43cb074d-dcd1-4848-963b-d77b93284ad2" providerId="ADAL" clId="{F5658412-CB27-4EA0-9B91-5E2D686EE832}" dt="2022-11-24T07:35:34.439" v="9653"/>
          <ac:spMkLst>
            <pc:docMk/>
            <pc:sldMk cId="928204253" sldId="310"/>
            <ac:spMk id="22" creationId="{2FF4B599-444C-4863-84DF-493343D1B7A8}"/>
          </ac:spMkLst>
        </pc:spChg>
        <pc:grpChg chg="del">
          <ac:chgData name="Kinga Gniadek" userId="43cb074d-dcd1-4848-963b-d77b93284ad2" providerId="ADAL" clId="{F5658412-CB27-4EA0-9B91-5E2D686EE832}" dt="2022-11-24T07:35:34.156" v="9652" actId="478"/>
          <ac:grpSpMkLst>
            <pc:docMk/>
            <pc:sldMk cId="928204253" sldId="310"/>
            <ac:grpSpMk id="2" creationId="{F7D409D4-5969-45C0-91F7-DEA54F05E9DC}"/>
          </ac:grpSpMkLst>
        </pc:grpChg>
        <pc:grpChg chg="mod">
          <ac:chgData name="Kinga Gniadek" userId="43cb074d-dcd1-4848-963b-d77b93284ad2" providerId="ADAL" clId="{F5658412-CB27-4EA0-9B91-5E2D686EE832}" dt="2022-11-22T10:04:56.376" v="3800" actId="1076"/>
          <ac:grpSpMkLst>
            <pc:docMk/>
            <pc:sldMk cId="928204253" sldId="310"/>
            <ac:grpSpMk id="15" creationId="{1168A254-FFA0-4DAF-9DBB-8F6EB710388A}"/>
          </ac:grpSpMkLst>
        </pc:grpChg>
        <pc:grpChg chg="mod">
          <ac:chgData name="Kinga Gniadek" userId="43cb074d-dcd1-4848-963b-d77b93284ad2" providerId="ADAL" clId="{F5658412-CB27-4EA0-9B91-5E2D686EE832}" dt="2022-11-22T10:04:56.376" v="3800" actId="1076"/>
          <ac:grpSpMkLst>
            <pc:docMk/>
            <pc:sldMk cId="928204253" sldId="310"/>
            <ac:grpSpMk id="17" creationId="{8A952DAE-5D06-4D90-AF42-D7B3CE0790CA}"/>
          </ac:grpSpMkLst>
        </pc:grpChg>
        <pc:picChg chg="topLvl">
          <ac:chgData name="Kinga Gniadek" userId="43cb074d-dcd1-4848-963b-d77b93284ad2" providerId="ADAL" clId="{F5658412-CB27-4EA0-9B91-5E2D686EE832}" dt="2022-11-24T07:35:34.156" v="9652" actId="478"/>
          <ac:picMkLst>
            <pc:docMk/>
            <pc:sldMk cId="928204253" sldId="310"/>
            <ac:picMk id="20" creationId="{25FFE7A1-45AF-47BB-8457-AB1839B78A3B}"/>
          </ac:picMkLst>
        </pc:picChg>
        <pc:picChg chg="del topLvl">
          <ac:chgData name="Kinga Gniadek" userId="43cb074d-dcd1-4848-963b-d77b93284ad2" providerId="ADAL" clId="{F5658412-CB27-4EA0-9B91-5E2D686EE832}" dt="2022-11-24T07:35:34.156" v="9652" actId="478"/>
          <ac:picMkLst>
            <pc:docMk/>
            <pc:sldMk cId="928204253" sldId="310"/>
            <ac:picMk id="21" creationId="{1D129317-897E-4952-B0BA-A4E559CB800F}"/>
          </ac:picMkLst>
        </pc:picChg>
      </pc:sldChg>
      <pc:sldChg chg="addSp delSp modSp add mod modTransition setBg">
        <pc:chgData name="Kinga Gniadek" userId="43cb074d-dcd1-4848-963b-d77b93284ad2" providerId="ADAL" clId="{F5658412-CB27-4EA0-9B91-5E2D686EE832}" dt="2022-12-02T09:57:52.601" v="16581" actId="478"/>
        <pc:sldMkLst>
          <pc:docMk/>
          <pc:sldMk cId="2111310686" sldId="311"/>
        </pc:sldMkLst>
        <pc:spChg chg="del">
          <ac:chgData name="Kinga Gniadek" userId="43cb074d-dcd1-4848-963b-d77b93284ad2" providerId="ADAL" clId="{F5658412-CB27-4EA0-9B91-5E2D686EE832}" dt="2022-11-22T10:07:50.987" v="3823" actId="478"/>
          <ac:spMkLst>
            <pc:docMk/>
            <pc:sldMk cId="2111310686" sldId="311"/>
            <ac:spMk id="2" creationId="{079E4AE5-5882-4799-9510-0BE6C2E73F2E}"/>
          </ac:spMkLst>
        </pc:spChg>
        <pc:spChg chg="add del mod">
          <ac:chgData name="Kinga Gniadek" userId="43cb074d-dcd1-4848-963b-d77b93284ad2" providerId="ADAL" clId="{F5658412-CB27-4EA0-9B91-5E2D686EE832}" dt="2022-12-02T09:57:52.601" v="16581" actId="478"/>
          <ac:spMkLst>
            <pc:docMk/>
            <pc:sldMk cId="2111310686" sldId="311"/>
            <ac:spMk id="6" creationId="{3378A88F-3E52-4807-9D00-FAC76856F4DB}"/>
          </ac:spMkLst>
        </pc:spChg>
        <pc:spChg chg="del">
          <ac:chgData name="Kinga Gniadek" userId="43cb074d-dcd1-4848-963b-d77b93284ad2" providerId="ADAL" clId="{F5658412-CB27-4EA0-9B91-5E2D686EE832}" dt="2022-11-22T10:07:47.786" v="3821" actId="478"/>
          <ac:spMkLst>
            <pc:docMk/>
            <pc:sldMk cId="2111310686" sldId="311"/>
            <ac:spMk id="9" creationId="{BC8328B3-46B9-814A-9805-A5626BF21769}"/>
          </ac:spMkLst>
        </pc:spChg>
        <pc:picChg chg="add mod">
          <ac:chgData name="Kinga Gniadek" userId="43cb074d-dcd1-4848-963b-d77b93284ad2" providerId="ADAL" clId="{F5658412-CB27-4EA0-9B91-5E2D686EE832}" dt="2022-11-22T10:08:02.756" v="3826"/>
          <ac:picMkLst>
            <pc:docMk/>
            <pc:sldMk cId="2111310686" sldId="311"/>
            <ac:picMk id="5" creationId="{6AC6EA03-5A29-4CBC-BC57-280AA9A58895}"/>
          </ac:picMkLst>
        </pc:picChg>
        <pc:picChg chg="add mod">
          <ac:chgData name="Kinga Gniadek" userId="43cb074d-dcd1-4848-963b-d77b93284ad2" providerId="ADAL" clId="{F5658412-CB27-4EA0-9B91-5E2D686EE832}" dt="2022-11-22T10:08:05.714" v="3827"/>
          <ac:picMkLst>
            <pc:docMk/>
            <pc:sldMk cId="2111310686" sldId="311"/>
            <ac:picMk id="6" creationId="{8CB75493-140B-4ECD-988B-653DDC6CBE25}"/>
          </ac:picMkLst>
        </pc:picChg>
        <pc:picChg chg="del">
          <ac:chgData name="Kinga Gniadek" userId="43cb074d-dcd1-4848-963b-d77b93284ad2" providerId="ADAL" clId="{F5658412-CB27-4EA0-9B91-5E2D686EE832}" dt="2022-11-22T10:07:48.970" v="3822" actId="478"/>
          <ac:picMkLst>
            <pc:docMk/>
            <pc:sldMk cId="2111310686" sldId="311"/>
            <ac:picMk id="12" creationId="{123626AC-1355-4AB8-B034-146B7B48F9BE}"/>
          </ac:picMkLst>
        </pc:picChg>
      </pc:sldChg>
      <pc:sldChg chg="addSp delSp modSp new mod modTransition setBg">
        <pc:chgData name="Kinga Gniadek" userId="43cb074d-dcd1-4848-963b-d77b93284ad2" providerId="ADAL" clId="{F5658412-CB27-4EA0-9B91-5E2D686EE832}" dt="2022-12-02T09:57:49.068" v="16580" actId="1076"/>
        <pc:sldMkLst>
          <pc:docMk/>
          <pc:sldMk cId="1785458395" sldId="312"/>
        </pc:sldMkLst>
        <pc:spChg chg="add">
          <ac:chgData name="Kinga Gniadek" userId="43cb074d-dcd1-4848-963b-d77b93284ad2" providerId="ADAL" clId="{F5658412-CB27-4EA0-9B91-5E2D686EE832}" dt="2022-12-02T09:57:46.911" v="16578" actId="22"/>
          <ac:spMkLst>
            <pc:docMk/>
            <pc:sldMk cId="1785458395" sldId="312"/>
            <ac:spMk id="4" creationId="{9B013CB7-B1DE-4864-9736-40A84B76F053}"/>
          </ac:spMkLst>
        </pc:spChg>
        <pc:picChg chg="add del mod ord">
          <ac:chgData name="Kinga Gniadek" userId="43cb074d-dcd1-4848-963b-d77b93284ad2" providerId="ADAL" clId="{F5658412-CB27-4EA0-9B91-5E2D686EE832}" dt="2022-11-22T10:13:22.714" v="3856" actId="478"/>
          <ac:picMkLst>
            <pc:docMk/>
            <pc:sldMk cId="1785458395" sldId="312"/>
            <ac:picMk id="2" creationId="{FE95F05B-D237-458E-863B-933FCF714A61}"/>
          </ac:picMkLst>
        </pc:picChg>
        <pc:picChg chg="mod">
          <ac:chgData name="Kinga Gniadek" userId="43cb074d-dcd1-4848-963b-d77b93284ad2" providerId="ADAL" clId="{F5658412-CB27-4EA0-9B91-5E2D686EE832}" dt="2022-12-02T09:57:49.068" v="16580" actId="1076"/>
          <ac:picMkLst>
            <pc:docMk/>
            <pc:sldMk cId="1785458395" sldId="312"/>
            <ac:picMk id="3" creationId="{D37E0A8B-4063-0FD2-3AB0-FCC51727A572}"/>
          </ac:picMkLst>
        </pc:picChg>
        <pc:picChg chg="add del mod">
          <ac:chgData name="Kinga Gniadek" userId="43cb074d-dcd1-4848-963b-d77b93284ad2" providerId="ADAL" clId="{F5658412-CB27-4EA0-9B91-5E2D686EE832}" dt="2022-11-22T10:12:51.376" v="3845" actId="478"/>
          <ac:picMkLst>
            <pc:docMk/>
            <pc:sldMk cId="1785458395" sldId="312"/>
            <ac:picMk id="4" creationId="{E5862558-9C6E-4ACF-B623-BF62ADFC084B}"/>
          </ac:picMkLst>
        </pc:picChg>
        <pc:picChg chg="add mod modCrop">
          <ac:chgData name="Kinga Gniadek" userId="43cb074d-dcd1-4848-963b-d77b93284ad2" providerId="ADAL" clId="{F5658412-CB27-4EA0-9B91-5E2D686EE832}" dt="2022-11-24T07:28:53.073" v="9644" actId="1076"/>
          <ac:picMkLst>
            <pc:docMk/>
            <pc:sldMk cId="1785458395" sldId="312"/>
            <ac:picMk id="6" creationId="{4D0136F3-5BEB-428A-8E68-6355F77E67D8}"/>
          </ac:picMkLst>
        </pc:picChg>
        <pc:picChg chg="add del">
          <ac:chgData name="Kinga Gniadek" userId="43cb074d-dcd1-4848-963b-d77b93284ad2" providerId="ADAL" clId="{F5658412-CB27-4EA0-9B91-5E2D686EE832}" dt="2022-11-22T10:13:59.548" v="3863" actId="22"/>
          <ac:picMkLst>
            <pc:docMk/>
            <pc:sldMk cId="1785458395" sldId="312"/>
            <ac:picMk id="8" creationId="{D6B89ABE-A7EC-499E-8278-D20D1D2A0FCD}"/>
          </ac:picMkLst>
        </pc:picChg>
      </pc:sldChg>
      <pc:sldChg chg="delSp add del mod setBg">
        <pc:chgData name="Kinga Gniadek" userId="43cb074d-dcd1-4848-963b-d77b93284ad2" providerId="ADAL" clId="{F5658412-CB27-4EA0-9B91-5E2D686EE832}" dt="2022-11-22T10:09:30.437" v="3833" actId="47"/>
        <pc:sldMkLst>
          <pc:docMk/>
          <pc:sldMk cId="2457528140" sldId="312"/>
        </pc:sldMkLst>
        <pc:picChg chg="del">
          <ac:chgData name="Kinga Gniadek" userId="43cb074d-dcd1-4848-963b-d77b93284ad2" providerId="ADAL" clId="{F5658412-CB27-4EA0-9B91-5E2D686EE832}" dt="2022-11-22T10:09:25.006" v="3832" actId="478"/>
          <ac:picMkLst>
            <pc:docMk/>
            <pc:sldMk cId="2457528140" sldId="312"/>
            <ac:picMk id="5" creationId="{6AC6EA03-5A29-4CBC-BC57-280AA9A58895}"/>
          </ac:picMkLst>
        </pc:picChg>
        <pc:picChg chg="del">
          <ac:chgData name="Kinga Gniadek" userId="43cb074d-dcd1-4848-963b-d77b93284ad2" providerId="ADAL" clId="{F5658412-CB27-4EA0-9B91-5E2D686EE832}" dt="2022-11-22T10:09:23.634" v="3831" actId="478"/>
          <ac:picMkLst>
            <pc:docMk/>
            <pc:sldMk cId="2457528140" sldId="312"/>
            <ac:picMk id="6" creationId="{8CB75493-140B-4ECD-988B-653DDC6CBE25}"/>
          </ac:picMkLst>
        </pc:picChg>
      </pc:sldChg>
      <pc:sldChg chg="add del">
        <pc:chgData name="Kinga Gniadek" userId="43cb074d-dcd1-4848-963b-d77b93284ad2" providerId="ADAL" clId="{F5658412-CB27-4EA0-9B91-5E2D686EE832}" dt="2022-11-22T10:09:16.599" v="3829"/>
        <pc:sldMkLst>
          <pc:docMk/>
          <pc:sldMk cId="2987381601" sldId="312"/>
        </pc:sldMkLst>
      </pc:sldChg>
      <pc:sldChg chg="addSp delSp modSp add mod modTransition">
        <pc:chgData name="Kinga Gniadek" userId="43cb074d-dcd1-4848-963b-d77b93284ad2" providerId="ADAL" clId="{F5658412-CB27-4EA0-9B91-5E2D686EE832}" dt="2022-12-01T07:35:08.290" v="16218" actId="14100"/>
        <pc:sldMkLst>
          <pc:docMk/>
          <pc:sldMk cId="874184806" sldId="313"/>
        </pc:sldMkLst>
        <pc:spChg chg="mod">
          <ac:chgData name="Kinga Gniadek" userId="43cb074d-dcd1-4848-963b-d77b93284ad2" providerId="ADAL" clId="{F5658412-CB27-4EA0-9B91-5E2D686EE832}" dt="2022-12-01T07:35:08.290" v="16218" actId="14100"/>
          <ac:spMkLst>
            <pc:docMk/>
            <pc:sldMk cId="874184806" sldId="313"/>
            <ac:spMk id="4" creationId="{30D65C50-9E13-DDA4-970F-26F97222ED72}"/>
          </ac:spMkLst>
        </pc:spChg>
        <pc:picChg chg="add del">
          <ac:chgData name="Kinga Gniadek" userId="43cb074d-dcd1-4848-963b-d77b93284ad2" providerId="ADAL" clId="{F5658412-CB27-4EA0-9B91-5E2D686EE832}" dt="2022-11-22T10:15:07.661" v="3867" actId="22"/>
          <ac:picMkLst>
            <pc:docMk/>
            <pc:sldMk cId="874184806" sldId="313"/>
            <ac:picMk id="3" creationId="{74492329-23AF-419F-A54A-52461D098171}"/>
          </ac:picMkLst>
        </pc:picChg>
        <pc:picChg chg="add del mod">
          <ac:chgData name="Kinga Gniadek" userId="43cb074d-dcd1-4848-963b-d77b93284ad2" providerId="ADAL" clId="{F5658412-CB27-4EA0-9B91-5E2D686EE832}" dt="2022-11-22T10:15:36.490" v="3873" actId="478"/>
          <ac:picMkLst>
            <pc:docMk/>
            <pc:sldMk cId="874184806" sldId="313"/>
            <ac:picMk id="5" creationId="{6554BBFF-8D0D-4C46-9971-A1B8ABEC8DC7}"/>
          </ac:picMkLst>
        </pc:picChg>
        <pc:picChg chg="del">
          <ac:chgData name="Kinga Gniadek" userId="43cb074d-dcd1-4848-963b-d77b93284ad2" providerId="ADAL" clId="{F5658412-CB27-4EA0-9B91-5E2D686EE832}" dt="2022-11-22T10:14:04.589" v="3865" actId="478"/>
          <ac:picMkLst>
            <pc:docMk/>
            <pc:sldMk cId="874184806" sldId="313"/>
            <ac:picMk id="6" creationId="{4D0136F3-5BEB-428A-8E68-6355F77E67D8}"/>
          </ac:picMkLst>
        </pc:picChg>
        <pc:picChg chg="add del mod">
          <ac:chgData name="Kinga Gniadek" userId="43cb074d-dcd1-4848-963b-d77b93284ad2" providerId="ADAL" clId="{F5658412-CB27-4EA0-9B91-5E2D686EE832}" dt="2022-11-22T10:16:18.928" v="3879" actId="22"/>
          <ac:picMkLst>
            <pc:docMk/>
            <pc:sldMk cId="874184806" sldId="313"/>
            <ac:picMk id="8" creationId="{D9AB3F45-1807-4AB8-94F7-B502C4A0C6B0}"/>
          </ac:picMkLst>
        </pc:picChg>
        <pc:picChg chg="add mod modCrop">
          <ac:chgData name="Kinga Gniadek" userId="43cb074d-dcd1-4848-963b-d77b93284ad2" providerId="ADAL" clId="{F5658412-CB27-4EA0-9B91-5E2D686EE832}" dt="2022-11-24T07:28:37.187" v="9642" actId="1076"/>
          <ac:picMkLst>
            <pc:docMk/>
            <pc:sldMk cId="874184806" sldId="313"/>
            <ac:picMk id="10" creationId="{5AC5CD41-BE0D-4910-827D-2FE9147FA7E9}"/>
          </ac:picMkLst>
        </pc:picChg>
      </pc:sldChg>
      <pc:sldChg chg="add del setBg">
        <pc:chgData name="Kinga Gniadek" userId="43cb074d-dcd1-4848-963b-d77b93284ad2" providerId="ADAL" clId="{F5658412-CB27-4EA0-9B91-5E2D686EE832}" dt="2022-11-22T10:09:50.519" v="3841"/>
        <pc:sldMkLst>
          <pc:docMk/>
          <pc:sldMk cId="1230654467" sldId="313"/>
        </pc:sldMkLst>
      </pc:sldChg>
      <pc:sldChg chg="addSp delSp modSp add mod modTransition">
        <pc:chgData name="Kinga Gniadek" userId="43cb074d-dcd1-4848-963b-d77b93284ad2" providerId="ADAL" clId="{F5658412-CB27-4EA0-9B91-5E2D686EE832}" dt="2022-12-01T07:33:10.952" v="16208"/>
        <pc:sldMkLst>
          <pc:docMk/>
          <pc:sldMk cId="3916555100" sldId="314"/>
        </pc:sldMkLst>
        <pc:picChg chg="add mod">
          <ac:chgData name="Kinga Gniadek" userId="43cb074d-dcd1-4848-963b-d77b93284ad2" providerId="ADAL" clId="{F5658412-CB27-4EA0-9B91-5E2D686EE832}" dt="2022-11-22T10:17:14.362" v="3886" actId="1076"/>
          <ac:picMkLst>
            <pc:docMk/>
            <pc:sldMk cId="3916555100" sldId="314"/>
            <ac:picMk id="3" creationId="{0290DD85-F47A-47FE-8987-D5F6AA421AD0}"/>
          </ac:picMkLst>
        </pc:picChg>
        <pc:picChg chg="add mod">
          <ac:chgData name="Kinga Gniadek" userId="43cb074d-dcd1-4848-963b-d77b93284ad2" providerId="ADAL" clId="{F5658412-CB27-4EA0-9B91-5E2D686EE832}" dt="2022-12-01T07:33:10.952" v="16208"/>
          <ac:picMkLst>
            <pc:docMk/>
            <pc:sldMk cId="3916555100" sldId="314"/>
            <ac:picMk id="3" creationId="{E1976437-6F32-4437-924D-702824A3CF12}"/>
          </ac:picMkLst>
        </pc:picChg>
        <pc:picChg chg="del">
          <ac:chgData name="Kinga Gniadek" userId="43cb074d-dcd1-4848-963b-d77b93284ad2" providerId="ADAL" clId="{F5658412-CB27-4EA0-9B91-5E2D686EE832}" dt="2022-11-22T10:17:05.966" v="3882" actId="478"/>
          <ac:picMkLst>
            <pc:docMk/>
            <pc:sldMk cId="3916555100" sldId="314"/>
            <ac:picMk id="10" creationId="{5AC5CD41-BE0D-4910-827D-2FE9147FA7E9}"/>
          </ac:picMkLst>
        </pc:picChg>
      </pc:sldChg>
      <pc:sldChg chg="add del setBg">
        <pc:chgData name="Kinga Gniadek" userId="43cb074d-dcd1-4848-963b-d77b93284ad2" providerId="ADAL" clId="{F5658412-CB27-4EA0-9B91-5E2D686EE832}" dt="2022-11-22T10:17:20.062" v="3888"/>
        <pc:sldMkLst>
          <pc:docMk/>
          <pc:sldMk cId="203790690" sldId="315"/>
        </pc:sldMkLst>
      </pc:sldChg>
      <pc:sldChg chg="addSp delSp modSp add mod modTransition">
        <pc:chgData name="Kinga Gniadek" userId="43cb074d-dcd1-4848-963b-d77b93284ad2" providerId="ADAL" clId="{F5658412-CB27-4EA0-9B91-5E2D686EE832}" dt="2022-12-01T07:33:08.623" v="16207"/>
        <pc:sldMkLst>
          <pc:docMk/>
          <pc:sldMk cId="864716323" sldId="315"/>
        </pc:sldMkLst>
        <pc:picChg chg="del">
          <ac:chgData name="Kinga Gniadek" userId="43cb074d-dcd1-4848-963b-d77b93284ad2" providerId="ADAL" clId="{F5658412-CB27-4EA0-9B91-5E2D686EE832}" dt="2022-11-22T10:17:23.643" v="3890" actId="478"/>
          <ac:picMkLst>
            <pc:docMk/>
            <pc:sldMk cId="864716323" sldId="315"/>
            <ac:picMk id="3" creationId="{0290DD85-F47A-47FE-8987-D5F6AA421AD0}"/>
          </ac:picMkLst>
        </pc:picChg>
        <pc:picChg chg="add mod">
          <ac:chgData name="Kinga Gniadek" userId="43cb074d-dcd1-4848-963b-d77b93284ad2" providerId="ADAL" clId="{F5658412-CB27-4EA0-9B91-5E2D686EE832}" dt="2022-11-22T10:17:27.134" v="3891"/>
          <ac:picMkLst>
            <pc:docMk/>
            <pc:sldMk cId="864716323" sldId="315"/>
            <ac:picMk id="4" creationId="{135D8999-D025-49F3-B5F5-4250B337A395}"/>
          </ac:picMkLst>
        </pc:picChg>
        <pc:picChg chg="add mod">
          <ac:chgData name="Kinga Gniadek" userId="43cb074d-dcd1-4848-963b-d77b93284ad2" providerId="ADAL" clId="{F5658412-CB27-4EA0-9B91-5E2D686EE832}" dt="2022-12-01T07:33:08.623" v="16207"/>
          <ac:picMkLst>
            <pc:docMk/>
            <pc:sldMk cId="864716323" sldId="315"/>
            <ac:picMk id="4" creationId="{D106E1BF-B006-4A0A-8E4F-DC7E3D3684B0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09:58:25.103" v="16591" actId="255"/>
        <pc:sldMkLst>
          <pc:docMk/>
          <pc:sldMk cId="71151763" sldId="316"/>
        </pc:sldMkLst>
        <pc:spChg chg="add mod">
          <ac:chgData name="Kinga Gniadek" userId="43cb074d-dcd1-4848-963b-d77b93284ad2" providerId="ADAL" clId="{F5658412-CB27-4EA0-9B91-5E2D686EE832}" dt="2022-12-02T09:58:25.103" v="16591" actId="255"/>
          <ac:spMkLst>
            <pc:docMk/>
            <pc:sldMk cId="71151763" sldId="316"/>
            <ac:spMk id="2" creationId="{A96A008B-ED9F-4385-A18A-765CB9C77452}"/>
          </ac:spMkLst>
        </pc:spChg>
        <pc:picChg chg="add mod">
          <ac:chgData name="Kinga Gniadek" userId="43cb074d-dcd1-4848-963b-d77b93284ad2" providerId="ADAL" clId="{F5658412-CB27-4EA0-9B91-5E2D686EE832}" dt="2022-11-22T10:17:38.596" v="3894"/>
          <ac:picMkLst>
            <pc:docMk/>
            <pc:sldMk cId="71151763" sldId="316"/>
            <ac:picMk id="3" creationId="{940F4C1B-3FC3-4561-91AD-BCD5FAD274BD}"/>
          </ac:picMkLst>
        </pc:picChg>
        <pc:picChg chg="add mod">
          <ac:chgData name="Kinga Gniadek" userId="43cb074d-dcd1-4848-963b-d77b93284ad2" providerId="ADAL" clId="{F5658412-CB27-4EA0-9B91-5E2D686EE832}" dt="2022-12-01T07:33:12.165" v="16209"/>
          <ac:picMkLst>
            <pc:docMk/>
            <pc:sldMk cId="71151763" sldId="316"/>
            <ac:picMk id="4" creationId="{01EC316A-2EA6-4572-8F41-C35A2902B50D}"/>
          </ac:picMkLst>
        </pc:picChg>
        <pc:picChg chg="del">
          <ac:chgData name="Kinga Gniadek" userId="43cb074d-dcd1-4848-963b-d77b93284ad2" providerId="ADAL" clId="{F5658412-CB27-4EA0-9B91-5E2D686EE832}" dt="2022-11-22T10:17:34.819" v="3893" actId="478"/>
          <ac:picMkLst>
            <pc:docMk/>
            <pc:sldMk cId="71151763" sldId="316"/>
            <ac:picMk id="4" creationId="{135D8999-D025-49F3-B5F5-4250B337A395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1T07:33:14.705" v="16211"/>
        <pc:sldMkLst>
          <pc:docMk/>
          <pc:sldMk cId="3584275556" sldId="317"/>
        </pc:sldMkLst>
        <pc:picChg chg="add mod">
          <ac:chgData name="Kinga Gniadek" userId="43cb074d-dcd1-4848-963b-d77b93284ad2" providerId="ADAL" clId="{F5658412-CB27-4EA0-9B91-5E2D686EE832}" dt="2022-12-01T07:33:14.705" v="16211"/>
          <ac:picMkLst>
            <pc:docMk/>
            <pc:sldMk cId="3584275556" sldId="317"/>
            <ac:picMk id="3" creationId="{0A328A23-6B15-4D55-AA1E-1E8806F36C21}"/>
          </ac:picMkLst>
        </pc:picChg>
        <pc:picChg chg="del">
          <ac:chgData name="Kinga Gniadek" userId="43cb074d-dcd1-4848-963b-d77b93284ad2" providerId="ADAL" clId="{F5658412-CB27-4EA0-9B91-5E2D686EE832}" dt="2022-11-22T10:17:43.669" v="3896" actId="478"/>
          <ac:picMkLst>
            <pc:docMk/>
            <pc:sldMk cId="3584275556" sldId="317"/>
            <ac:picMk id="3" creationId="{940F4C1B-3FC3-4561-91AD-BCD5FAD274BD}"/>
          </ac:picMkLst>
        </pc:picChg>
        <pc:picChg chg="add mod">
          <ac:chgData name="Kinga Gniadek" userId="43cb074d-dcd1-4848-963b-d77b93284ad2" providerId="ADAL" clId="{F5658412-CB27-4EA0-9B91-5E2D686EE832}" dt="2022-11-23T15:01:05.915" v="8182" actId="1076"/>
          <ac:picMkLst>
            <pc:docMk/>
            <pc:sldMk cId="3584275556" sldId="317"/>
            <ac:picMk id="4" creationId="{9D13311F-453B-4049-8A72-5216E029EB53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1T07:33:13.372" v="16210"/>
        <pc:sldMkLst>
          <pc:docMk/>
          <pc:sldMk cId="1824887045" sldId="318"/>
        </pc:sldMkLst>
        <pc:picChg chg="add mod">
          <ac:chgData name="Kinga Gniadek" userId="43cb074d-dcd1-4848-963b-d77b93284ad2" providerId="ADAL" clId="{F5658412-CB27-4EA0-9B91-5E2D686EE832}" dt="2022-11-22T10:17:59.281" v="3900"/>
          <ac:picMkLst>
            <pc:docMk/>
            <pc:sldMk cId="1824887045" sldId="318"/>
            <ac:picMk id="3" creationId="{0E834CF7-0C6F-4CFB-AE94-FAA8FBC4D2AE}"/>
          </ac:picMkLst>
        </pc:picChg>
        <pc:picChg chg="add mod">
          <ac:chgData name="Kinga Gniadek" userId="43cb074d-dcd1-4848-963b-d77b93284ad2" providerId="ADAL" clId="{F5658412-CB27-4EA0-9B91-5E2D686EE832}" dt="2022-12-01T07:33:13.372" v="16210"/>
          <ac:picMkLst>
            <pc:docMk/>
            <pc:sldMk cId="1824887045" sldId="318"/>
            <ac:picMk id="3" creationId="{1A905550-1AEA-4F6C-B8E5-26E7E49185A3}"/>
          </ac:picMkLst>
        </pc:picChg>
        <pc:picChg chg="del">
          <ac:chgData name="Kinga Gniadek" userId="43cb074d-dcd1-4848-963b-d77b93284ad2" providerId="ADAL" clId="{F5658412-CB27-4EA0-9B91-5E2D686EE832}" dt="2022-11-22T10:17:53.330" v="3899" actId="478"/>
          <ac:picMkLst>
            <pc:docMk/>
            <pc:sldMk cId="1824887045" sldId="318"/>
            <ac:picMk id="4" creationId="{9D13311F-453B-4049-8A72-5216E029EB53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1-24T14:27:32.402" v="14992"/>
        <pc:sldMkLst>
          <pc:docMk/>
          <pc:sldMk cId="565498371" sldId="319"/>
        </pc:sldMkLst>
        <pc:spChg chg="mod">
          <ac:chgData name="Kinga Gniadek" userId="43cb074d-dcd1-4848-963b-d77b93284ad2" providerId="ADAL" clId="{F5658412-CB27-4EA0-9B91-5E2D686EE832}" dt="2022-11-22T10:22:38.372" v="3944" actId="20577"/>
          <ac:spMkLst>
            <pc:docMk/>
            <pc:sldMk cId="565498371" sldId="319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1-22T10:24:00.298" v="4003" actId="33524"/>
          <ac:spMkLst>
            <pc:docMk/>
            <pc:sldMk cId="565498371" sldId="319"/>
            <ac:spMk id="14" creationId="{B6CA66AD-D631-4C5E-A924-BC952D4B4394}"/>
          </ac:spMkLst>
        </pc:spChg>
        <pc:spChg chg="del topLvl">
          <ac:chgData name="Kinga Gniadek" userId="43cb074d-dcd1-4848-963b-d77b93284ad2" providerId="ADAL" clId="{F5658412-CB27-4EA0-9B91-5E2D686EE832}" dt="2022-11-22T10:22:15.215" v="3939" actId="478"/>
          <ac:spMkLst>
            <pc:docMk/>
            <pc:sldMk cId="565498371" sldId="319"/>
            <ac:spMk id="23" creationId="{6D693696-2613-4FD6-BBB4-3A0B066DB886}"/>
          </ac:spMkLst>
        </pc:spChg>
        <pc:grpChg chg="del">
          <ac:chgData name="Kinga Gniadek" userId="43cb074d-dcd1-4848-963b-d77b93284ad2" providerId="ADAL" clId="{F5658412-CB27-4EA0-9B91-5E2D686EE832}" dt="2022-11-22T10:22:15.215" v="3939" actId="478"/>
          <ac:grpSpMkLst>
            <pc:docMk/>
            <pc:sldMk cId="565498371" sldId="319"/>
            <ac:grpSpMk id="17" creationId="{8A952DAE-5D06-4D90-AF42-D7B3CE0790CA}"/>
          </ac:grpSpMkLst>
        </pc:grpChg>
        <pc:picChg chg="del">
          <ac:chgData name="Kinga Gniadek" userId="43cb074d-dcd1-4848-963b-d77b93284ad2" providerId="ADAL" clId="{F5658412-CB27-4EA0-9B91-5E2D686EE832}" dt="2022-11-22T10:22:16.462" v="3940" actId="478"/>
          <ac:picMkLst>
            <pc:docMk/>
            <pc:sldMk cId="565498371" sldId="319"/>
            <ac:picMk id="11" creationId="{404A1566-ED9A-489B-8B64-B6D843A7786E}"/>
          </ac:picMkLst>
        </pc:picChg>
        <pc:picChg chg="add mod">
          <ac:chgData name="Kinga Gniadek" userId="43cb074d-dcd1-4848-963b-d77b93284ad2" providerId="ADAL" clId="{F5658412-CB27-4EA0-9B91-5E2D686EE832}" dt="2022-11-22T10:22:22.439" v="3942" actId="1076"/>
          <ac:picMkLst>
            <pc:docMk/>
            <pc:sldMk cId="565498371" sldId="319"/>
            <ac:picMk id="15" creationId="{6B371CEA-7D69-41EE-882E-BA4D60BABB7A}"/>
          </ac:picMkLst>
        </pc:picChg>
        <pc:picChg chg="topLvl">
          <ac:chgData name="Kinga Gniadek" userId="43cb074d-dcd1-4848-963b-d77b93284ad2" providerId="ADAL" clId="{F5658412-CB27-4EA0-9B91-5E2D686EE832}" dt="2022-11-22T10:22:15.215" v="3939" actId="478"/>
          <ac:picMkLst>
            <pc:docMk/>
            <pc:sldMk cId="565498371" sldId="319"/>
            <ac:picMk id="19" creationId="{0CB0ECD8-6C62-4A16-BCC9-351E77287C92}"/>
          </ac:picMkLst>
        </pc:picChg>
      </pc:sldChg>
      <pc:sldChg chg="add del">
        <pc:chgData name="Kinga Gniadek" userId="43cb074d-dcd1-4848-963b-d77b93284ad2" providerId="ADAL" clId="{F5658412-CB27-4EA0-9B91-5E2D686EE832}" dt="2022-11-22T10:21:19.278" v="3902"/>
        <pc:sldMkLst>
          <pc:docMk/>
          <pc:sldMk cId="3401795963" sldId="319"/>
        </pc:sldMkLst>
      </pc:sldChg>
      <pc:sldChg chg="delSp modSp add mod ord modTransition">
        <pc:chgData name="Kinga Gniadek" userId="43cb074d-dcd1-4848-963b-d77b93284ad2" providerId="ADAL" clId="{F5658412-CB27-4EA0-9B91-5E2D686EE832}" dt="2022-11-24T14:27:32.402" v="14992"/>
        <pc:sldMkLst>
          <pc:docMk/>
          <pc:sldMk cId="472102632" sldId="320"/>
        </pc:sldMkLst>
        <pc:spChg chg="mod">
          <ac:chgData name="Kinga Gniadek" userId="43cb074d-dcd1-4848-963b-d77b93284ad2" providerId="ADAL" clId="{F5658412-CB27-4EA0-9B91-5E2D686EE832}" dt="2022-11-22T10:24:50.665" v="4070" actId="20577"/>
          <ac:spMkLst>
            <pc:docMk/>
            <pc:sldMk cId="472102632" sldId="320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1-23T14:49:45.145" v="8181" actId="20577"/>
          <ac:spMkLst>
            <pc:docMk/>
            <pc:sldMk cId="472102632" sldId="320"/>
            <ac:spMk id="14" creationId="{B6CA66AD-D631-4C5E-A924-BC952D4B4394}"/>
          </ac:spMkLst>
        </pc:spChg>
        <pc:picChg chg="del">
          <ac:chgData name="Kinga Gniadek" userId="43cb074d-dcd1-4848-963b-d77b93284ad2" providerId="ADAL" clId="{F5658412-CB27-4EA0-9B91-5E2D686EE832}" dt="2022-11-22T10:23:05.307" v="3984" actId="478"/>
          <ac:picMkLst>
            <pc:docMk/>
            <pc:sldMk cId="472102632" sldId="320"/>
            <ac:picMk id="15" creationId="{6B371CEA-7D69-41EE-882E-BA4D60BABB7A}"/>
          </ac:picMkLst>
        </pc:picChg>
        <pc:picChg chg="del">
          <ac:chgData name="Kinga Gniadek" userId="43cb074d-dcd1-4848-963b-d77b93284ad2" providerId="ADAL" clId="{F5658412-CB27-4EA0-9B91-5E2D686EE832}" dt="2022-11-22T10:23:05.307" v="3984" actId="478"/>
          <ac:picMkLst>
            <pc:docMk/>
            <pc:sldMk cId="472102632" sldId="320"/>
            <ac:picMk id="19" creationId="{0CB0ECD8-6C62-4A16-BCC9-351E77287C92}"/>
          </ac:picMkLst>
        </pc:picChg>
      </pc:sldChg>
      <pc:sldChg chg="modSp add del mod">
        <pc:chgData name="Kinga Gniadek" userId="43cb074d-dcd1-4848-963b-d77b93284ad2" providerId="ADAL" clId="{F5658412-CB27-4EA0-9B91-5E2D686EE832}" dt="2022-11-22T10:26:24.510" v="4124" actId="47"/>
        <pc:sldMkLst>
          <pc:docMk/>
          <pc:sldMk cId="474625342" sldId="321"/>
        </pc:sldMkLst>
        <pc:spChg chg="mod">
          <ac:chgData name="Kinga Gniadek" userId="43cb074d-dcd1-4848-963b-d77b93284ad2" providerId="ADAL" clId="{F5658412-CB27-4EA0-9B91-5E2D686EE832}" dt="2022-11-22T10:26:20.967" v="4123" actId="20577"/>
          <ac:spMkLst>
            <pc:docMk/>
            <pc:sldMk cId="474625342" sldId="321"/>
            <ac:spMk id="9" creationId="{BC8328B3-46B9-814A-9805-A5626BF21769}"/>
          </ac:spMkLst>
        </pc:spChg>
      </pc:sldChg>
      <pc:sldChg chg="addSp delSp modSp add mod ord modTransition modNotesTx">
        <pc:chgData name="Kinga Gniadek" userId="43cb074d-dcd1-4848-963b-d77b93284ad2" providerId="ADAL" clId="{F5658412-CB27-4EA0-9B91-5E2D686EE832}" dt="2022-12-02T10:17:39.740" v="16663" actId="1076"/>
        <pc:sldMkLst>
          <pc:docMk/>
          <pc:sldMk cId="4027915597" sldId="321"/>
        </pc:sldMkLst>
        <pc:spChg chg="add mod">
          <ac:chgData name="Kinga Gniadek" userId="43cb074d-dcd1-4848-963b-d77b93284ad2" providerId="ADAL" clId="{F5658412-CB27-4EA0-9B91-5E2D686EE832}" dt="2022-12-02T10:17:39.740" v="16663" actId="1076"/>
          <ac:spMkLst>
            <pc:docMk/>
            <pc:sldMk cId="4027915597" sldId="321"/>
            <ac:spMk id="8" creationId="{77F01F4E-3FEC-4D34-83B4-215A2BAD333C}"/>
          </ac:spMkLst>
        </pc:spChg>
        <pc:spChg chg="mod">
          <ac:chgData name="Kinga Gniadek" userId="43cb074d-dcd1-4848-963b-d77b93284ad2" providerId="ADAL" clId="{F5658412-CB27-4EA0-9B91-5E2D686EE832}" dt="2022-11-22T10:26:36.335" v="4155" actId="20577"/>
          <ac:spMkLst>
            <pc:docMk/>
            <pc:sldMk cId="4027915597" sldId="321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6:04.344" v="16115" actId="33524"/>
          <ac:spMkLst>
            <pc:docMk/>
            <pc:sldMk cId="4027915597" sldId="321"/>
            <ac:spMk id="14" creationId="{B6CA66AD-D631-4C5E-A924-BC952D4B4394}"/>
          </ac:spMkLst>
        </pc:spChg>
        <pc:picChg chg="add del mod">
          <ac:chgData name="Kinga Gniadek" userId="43cb074d-dcd1-4848-963b-d77b93284ad2" providerId="ADAL" clId="{F5658412-CB27-4EA0-9B91-5E2D686EE832}" dt="2022-11-24T13:39:16.604" v="12540" actId="478"/>
          <ac:picMkLst>
            <pc:docMk/>
            <pc:sldMk cId="4027915597" sldId="321"/>
            <ac:picMk id="6" creationId="{226A0ACC-798D-486F-8F8F-616C249421C7}"/>
          </ac:picMkLst>
        </pc:picChg>
        <pc:picChg chg="add mod">
          <ac:chgData name="Kinga Gniadek" userId="43cb074d-dcd1-4848-963b-d77b93284ad2" providerId="ADAL" clId="{F5658412-CB27-4EA0-9B91-5E2D686EE832}" dt="2022-11-24T13:39:20.351" v="12542" actId="1076"/>
          <ac:picMkLst>
            <pc:docMk/>
            <pc:sldMk cId="4027915597" sldId="321"/>
            <ac:picMk id="7" creationId="{0266B968-5A35-43AF-9260-C2187969128D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18:05.724" v="16671"/>
        <pc:sldMkLst>
          <pc:docMk/>
          <pc:sldMk cId="3804979791" sldId="322"/>
        </pc:sldMkLst>
        <pc:spChg chg="add mod">
          <ac:chgData name="Kinga Gniadek" userId="43cb074d-dcd1-4848-963b-d77b93284ad2" providerId="ADAL" clId="{F5658412-CB27-4EA0-9B91-5E2D686EE832}" dt="2022-12-02T10:18:05.724" v="16671"/>
          <ac:spMkLst>
            <pc:docMk/>
            <pc:sldMk cId="3804979791" sldId="322"/>
            <ac:spMk id="8" creationId="{A4276CE5-9B74-4AAA-8FE6-20830349954E}"/>
          </ac:spMkLst>
        </pc:spChg>
        <pc:spChg chg="mod">
          <ac:chgData name="Kinga Gniadek" userId="43cb074d-dcd1-4848-963b-d77b93284ad2" providerId="ADAL" clId="{F5658412-CB27-4EA0-9B91-5E2D686EE832}" dt="2022-11-23T09:34:53.725" v="5592" actId="20577"/>
          <ac:spMkLst>
            <pc:docMk/>
            <pc:sldMk cId="3804979791" sldId="322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6:47.908" v="16130" actId="20577"/>
          <ac:spMkLst>
            <pc:docMk/>
            <pc:sldMk cId="3804979791" sldId="322"/>
            <ac:spMk id="14" creationId="{B6CA66AD-D631-4C5E-A924-BC952D4B4394}"/>
          </ac:spMkLst>
        </pc:spChg>
        <pc:picChg chg="del">
          <ac:chgData name="Kinga Gniadek" userId="43cb074d-dcd1-4848-963b-d77b93284ad2" providerId="ADAL" clId="{F5658412-CB27-4EA0-9B91-5E2D686EE832}" dt="2022-11-22T10:27:18.533" v="4200" actId="478"/>
          <ac:picMkLst>
            <pc:docMk/>
            <pc:sldMk cId="3804979791" sldId="322"/>
            <ac:picMk id="6" creationId="{226A0ACC-798D-486F-8F8F-616C249421C7}"/>
          </ac:picMkLst>
        </pc:picChg>
        <pc:picChg chg="add mod">
          <ac:chgData name="Kinga Gniadek" userId="43cb074d-dcd1-4848-963b-d77b93284ad2" providerId="ADAL" clId="{F5658412-CB27-4EA0-9B91-5E2D686EE832}" dt="2022-11-23T10:59:21.286" v="6748" actId="1076"/>
          <ac:picMkLst>
            <pc:docMk/>
            <pc:sldMk cId="3804979791" sldId="322"/>
            <ac:picMk id="7" creationId="{DF07C60E-6D65-4F20-8EDF-2565D66F2306}"/>
          </ac:picMkLst>
        </pc:picChg>
        <pc:picChg chg="add del mod">
          <ac:chgData name="Kinga Gniadek" userId="43cb074d-dcd1-4848-963b-d77b93284ad2" providerId="ADAL" clId="{F5658412-CB27-4EA0-9B91-5E2D686EE832}" dt="2022-11-23T09:40:32.153" v="6024" actId="478"/>
          <ac:picMkLst>
            <pc:docMk/>
            <pc:sldMk cId="3804979791" sldId="322"/>
            <ac:picMk id="8" creationId="{E74619A5-B5C2-4FBB-A421-5E554AB47361}"/>
          </ac:picMkLst>
        </pc:picChg>
      </pc:sldChg>
      <pc:sldChg chg="addSp delSp modSp add mod modTransition modShow modNotesTx">
        <pc:chgData name="Kinga Gniadek" userId="43cb074d-dcd1-4848-963b-d77b93284ad2" providerId="ADAL" clId="{F5658412-CB27-4EA0-9B91-5E2D686EE832}" dt="2022-12-02T11:14:52.616" v="16716" actId="729"/>
        <pc:sldMkLst>
          <pc:docMk/>
          <pc:sldMk cId="2598946590" sldId="323"/>
        </pc:sldMkLst>
        <pc:spChg chg="add mod">
          <ac:chgData name="Kinga Gniadek" userId="43cb074d-dcd1-4848-963b-d77b93284ad2" providerId="ADAL" clId="{F5658412-CB27-4EA0-9B91-5E2D686EE832}" dt="2022-11-24T12:58:48.523" v="12122" actId="1076"/>
          <ac:spMkLst>
            <pc:docMk/>
            <pc:sldMk cId="2598946590" sldId="323"/>
            <ac:spMk id="2" creationId="{A47CA527-D215-45B1-9F85-DA54597DF47C}"/>
          </ac:spMkLst>
        </pc:spChg>
        <pc:spChg chg="add del">
          <ac:chgData name="Kinga Gniadek" userId="43cb074d-dcd1-4848-963b-d77b93284ad2" providerId="ADAL" clId="{F5658412-CB27-4EA0-9B91-5E2D686EE832}" dt="2022-11-24T12:55:55.400" v="12086" actId="11529"/>
          <ac:spMkLst>
            <pc:docMk/>
            <pc:sldMk cId="2598946590" sldId="323"/>
            <ac:spMk id="4" creationId="{E7882F9E-71A5-408D-A3AB-7095F6433ACA}"/>
          </ac:spMkLst>
        </pc:spChg>
        <pc:spChg chg="add mod">
          <ac:chgData name="Kinga Gniadek" userId="43cb074d-dcd1-4848-963b-d77b93284ad2" providerId="ADAL" clId="{F5658412-CB27-4EA0-9B91-5E2D686EE832}" dt="2022-11-24T12:54:47.287" v="12079" actId="1076"/>
          <ac:spMkLst>
            <pc:docMk/>
            <pc:sldMk cId="2598946590" sldId="323"/>
            <ac:spMk id="6" creationId="{47FF956E-2C7F-43E0-B4D2-86180E811C0C}"/>
          </ac:spMkLst>
        </pc:spChg>
        <pc:spChg chg="add mod">
          <ac:chgData name="Kinga Gniadek" userId="43cb074d-dcd1-4848-963b-d77b93284ad2" providerId="ADAL" clId="{F5658412-CB27-4EA0-9B91-5E2D686EE832}" dt="2022-11-24T12:56:33.112" v="12092" actId="1076"/>
          <ac:spMkLst>
            <pc:docMk/>
            <pc:sldMk cId="2598946590" sldId="323"/>
            <ac:spMk id="8" creationId="{4B9DFF70-A804-4B43-922C-E6ADA261894F}"/>
          </ac:spMkLst>
        </pc:spChg>
        <pc:spChg chg="add mod">
          <ac:chgData name="Kinga Gniadek" userId="43cb074d-dcd1-4848-963b-d77b93284ad2" providerId="ADAL" clId="{F5658412-CB27-4EA0-9B91-5E2D686EE832}" dt="2022-11-24T12:54:54.963" v="12080" actId="164"/>
          <ac:spMkLst>
            <pc:docMk/>
            <pc:sldMk cId="2598946590" sldId="323"/>
            <ac:spMk id="9" creationId="{6039E791-DAF8-4255-9232-8ECA0479A1D6}"/>
          </ac:spMkLst>
        </pc:spChg>
        <pc:spChg chg="add del mod">
          <ac:chgData name="Kinga Gniadek" userId="43cb074d-dcd1-4848-963b-d77b93284ad2" providerId="ADAL" clId="{F5658412-CB27-4EA0-9B91-5E2D686EE832}" dt="2022-11-24T12:54:07.741" v="12053"/>
          <ac:spMkLst>
            <pc:docMk/>
            <pc:sldMk cId="2598946590" sldId="323"/>
            <ac:spMk id="11" creationId="{37B0E25F-83A4-4C40-9DCE-F0B0EDCD75DA}"/>
          </ac:spMkLst>
        </pc:spChg>
        <pc:spChg chg="mod">
          <ac:chgData name="Kinga Gniadek" userId="43cb074d-dcd1-4848-963b-d77b93284ad2" providerId="ADAL" clId="{F5658412-CB27-4EA0-9B91-5E2D686EE832}" dt="2022-11-23T10:54:04.920" v="6746" actId="20577"/>
          <ac:spMkLst>
            <pc:docMk/>
            <pc:sldMk cId="2598946590" sldId="323"/>
            <ac:spMk id="12" creationId="{4FFB8876-A80B-45BF-B457-69F329D40EAB}"/>
          </ac:spMkLst>
        </pc:spChg>
        <pc:spChg chg="del mod">
          <ac:chgData name="Kinga Gniadek" userId="43cb074d-dcd1-4848-963b-d77b93284ad2" providerId="ADAL" clId="{F5658412-CB27-4EA0-9B91-5E2D686EE832}" dt="2022-11-24T09:56:34.089" v="11111" actId="478"/>
          <ac:spMkLst>
            <pc:docMk/>
            <pc:sldMk cId="2598946590" sldId="323"/>
            <ac:spMk id="14" creationId="{B6CA66AD-D631-4C5E-A924-BC952D4B4394}"/>
          </ac:spMkLst>
        </pc:spChg>
        <pc:spChg chg="add mod">
          <ac:chgData name="Kinga Gniadek" userId="43cb074d-dcd1-4848-963b-d77b93284ad2" providerId="ADAL" clId="{F5658412-CB27-4EA0-9B91-5E2D686EE832}" dt="2022-11-24T13:12:20.106" v="12491" actId="164"/>
          <ac:spMkLst>
            <pc:docMk/>
            <pc:sldMk cId="2598946590" sldId="323"/>
            <ac:spMk id="30" creationId="{CAD399AF-9676-4FB2-ABAE-16BABEFCC26E}"/>
          </ac:spMkLst>
        </pc:spChg>
        <pc:spChg chg="add mod">
          <ac:chgData name="Kinga Gniadek" userId="43cb074d-dcd1-4848-963b-d77b93284ad2" providerId="ADAL" clId="{F5658412-CB27-4EA0-9B91-5E2D686EE832}" dt="2022-11-24T13:12:20.106" v="12491" actId="164"/>
          <ac:spMkLst>
            <pc:docMk/>
            <pc:sldMk cId="2598946590" sldId="323"/>
            <ac:spMk id="31" creationId="{D2FC7DA9-9173-4BA5-947F-643400911197}"/>
          </ac:spMkLst>
        </pc:spChg>
        <pc:spChg chg="add mod">
          <ac:chgData name="Kinga Gniadek" userId="43cb074d-dcd1-4848-963b-d77b93284ad2" providerId="ADAL" clId="{F5658412-CB27-4EA0-9B91-5E2D686EE832}" dt="2022-11-24T13:12:20.106" v="12491" actId="164"/>
          <ac:spMkLst>
            <pc:docMk/>
            <pc:sldMk cId="2598946590" sldId="323"/>
            <ac:spMk id="35" creationId="{0A80013E-0B72-416B-840D-728B4E755AB0}"/>
          </ac:spMkLst>
        </pc:spChg>
        <pc:spChg chg="add mod">
          <ac:chgData name="Kinga Gniadek" userId="43cb074d-dcd1-4848-963b-d77b93284ad2" providerId="ADAL" clId="{F5658412-CB27-4EA0-9B91-5E2D686EE832}" dt="2022-11-24T13:12:20.106" v="12491" actId="164"/>
          <ac:spMkLst>
            <pc:docMk/>
            <pc:sldMk cId="2598946590" sldId="323"/>
            <ac:spMk id="44" creationId="{5D7E3D0A-4718-40BB-BA15-E5FC730E563B}"/>
          </ac:spMkLst>
        </pc:spChg>
        <pc:spChg chg="add mod">
          <ac:chgData name="Kinga Gniadek" userId="43cb074d-dcd1-4848-963b-d77b93284ad2" providerId="ADAL" clId="{F5658412-CB27-4EA0-9B91-5E2D686EE832}" dt="2022-11-24T13:12:20.106" v="12491" actId="164"/>
          <ac:spMkLst>
            <pc:docMk/>
            <pc:sldMk cId="2598946590" sldId="323"/>
            <ac:spMk id="49" creationId="{1EEF22A8-9352-4C28-B68A-6D01376938CB}"/>
          </ac:spMkLst>
        </pc:spChg>
        <pc:spChg chg="add mod">
          <ac:chgData name="Kinga Gniadek" userId="43cb074d-dcd1-4848-963b-d77b93284ad2" providerId="ADAL" clId="{F5658412-CB27-4EA0-9B91-5E2D686EE832}" dt="2022-11-24T13:12:20.106" v="12491" actId="164"/>
          <ac:spMkLst>
            <pc:docMk/>
            <pc:sldMk cId="2598946590" sldId="323"/>
            <ac:spMk id="53" creationId="{3EAA28D5-C332-4A8E-B438-C588CBE82BDA}"/>
          </ac:spMkLst>
        </pc:spChg>
        <pc:grpChg chg="add mod">
          <ac:chgData name="Kinga Gniadek" userId="43cb074d-dcd1-4848-963b-d77b93284ad2" providerId="ADAL" clId="{F5658412-CB27-4EA0-9B91-5E2D686EE832}" dt="2022-11-24T13:12:20.106" v="12491" actId="164"/>
          <ac:grpSpMkLst>
            <pc:docMk/>
            <pc:sldMk cId="2598946590" sldId="323"/>
            <ac:grpSpMk id="3" creationId="{A13060D9-62E0-4BA9-85DA-727A27638918}"/>
          </ac:grpSpMkLst>
        </pc:grpChg>
        <pc:grpChg chg="add mod">
          <ac:chgData name="Kinga Gniadek" userId="43cb074d-dcd1-4848-963b-d77b93284ad2" providerId="ADAL" clId="{F5658412-CB27-4EA0-9B91-5E2D686EE832}" dt="2022-11-24T13:12:22.526" v="12493" actId="1076"/>
          <ac:grpSpMkLst>
            <pc:docMk/>
            <pc:sldMk cId="2598946590" sldId="323"/>
            <ac:grpSpMk id="54" creationId="{59284013-14E0-4C3A-A613-049182C6B5B6}"/>
          </ac:grpSpMkLst>
        </pc:grpChg>
        <pc:picChg chg="del">
          <ac:chgData name="Kinga Gniadek" userId="43cb074d-dcd1-4848-963b-d77b93284ad2" providerId="ADAL" clId="{F5658412-CB27-4EA0-9B91-5E2D686EE832}" dt="2022-11-22T10:28:23.279" v="4250" actId="478"/>
          <ac:picMkLst>
            <pc:docMk/>
            <pc:sldMk cId="2598946590" sldId="323"/>
            <ac:picMk id="7" creationId="{DF07C60E-6D65-4F20-8EDF-2565D66F2306}"/>
          </ac:picMkLst>
        </pc:picChg>
        <pc:picChg chg="del">
          <ac:chgData name="Kinga Gniadek" userId="43cb074d-dcd1-4848-963b-d77b93284ad2" providerId="ADAL" clId="{F5658412-CB27-4EA0-9B91-5E2D686EE832}" dt="2022-11-22T10:28:24.094" v="4251" actId="478"/>
          <ac:picMkLst>
            <pc:docMk/>
            <pc:sldMk cId="2598946590" sldId="323"/>
            <ac:picMk id="8" creationId="{E74619A5-B5C2-4FBB-A421-5E554AB47361}"/>
          </ac:picMkLst>
        </pc:picChg>
        <pc:picChg chg="mod">
          <ac:chgData name="Kinga Gniadek" userId="43cb074d-dcd1-4848-963b-d77b93284ad2" providerId="ADAL" clId="{F5658412-CB27-4EA0-9B91-5E2D686EE832}" dt="2022-11-24T12:55:08.621" v="12083" actId="1076"/>
          <ac:picMkLst>
            <pc:docMk/>
            <pc:sldMk cId="2598946590" sldId="323"/>
            <ac:picMk id="10" creationId="{3DBEB729-1203-44C5-AFA2-B745B6A191BC}"/>
          </ac:picMkLst>
        </pc:picChg>
        <pc:picChg chg="add del mod">
          <ac:chgData name="Kinga Gniadek" userId="43cb074d-dcd1-4848-963b-d77b93284ad2" providerId="ADAL" clId="{F5658412-CB27-4EA0-9B91-5E2D686EE832}" dt="2022-11-24T13:00:47.483" v="12170"/>
          <ac:picMkLst>
            <pc:docMk/>
            <pc:sldMk cId="2598946590" sldId="323"/>
            <ac:picMk id="34" creationId="{D2C72560-4F38-4DE1-A930-FF89C0E09340}"/>
          </ac:picMkLst>
        </pc:picChg>
        <pc:picChg chg="add del mod">
          <ac:chgData name="Kinga Gniadek" userId="43cb074d-dcd1-4848-963b-d77b93284ad2" providerId="ADAL" clId="{F5658412-CB27-4EA0-9B91-5E2D686EE832}" dt="2022-11-24T13:02:28.335" v="12200"/>
          <ac:picMkLst>
            <pc:docMk/>
            <pc:sldMk cId="2598946590" sldId="323"/>
            <ac:picMk id="43" creationId="{2FB8D54E-C30F-42AB-8408-774211E46EDD}"/>
          </ac:picMkLst>
        </pc:picChg>
        <pc:cxnChg chg="add mod">
          <ac:chgData name="Kinga Gniadek" userId="43cb074d-dcd1-4848-963b-d77b93284ad2" providerId="ADAL" clId="{F5658412-CB27-4EA0-9B91-5E2D686EE832}" dt="2022-11-24T13:12:20.106" v="12491" actId="164"/>
          <ac:cxnSpMkLst>
            <pc:docMk/>
            <pc:sldMk cId="2598946590" sldId="323"/>
            <ac:cxnSpMk id="7" creationId="{3C386E95-0EA3-4838-BCE7-12C01FB3E489}"/>
          </ac:cxnSpMkLst>
        </pc:cxnChg>
        <pc:cxnChg chg="add del mod">
          <ac:chgData name="Kinga Gniadek" userId="43cb074d-dcd1-4848-963b-d77b93284ad2" providerId="ADAL" clId="{F5658412-CB27-4EA0-9B91-5E2D686EE832}" dt="2022-11-24T12:57:55.527" v="12110" actId="478"/>
          <ac:cxnSpMkLst>
            <pc:docMk/>
            <pc:sldMk cId="2598946590" sldId="323"/>
            <ac:cxnSpMk id="16" creationId="{7A7482A0-FFEA-44FE-925D-B886B5A3A168}"/>
          </ac:cxnSpMkLst>
        </pc:cxnChg>
        <pc:cxnChg chg="add mod">
          <ac:chgData name="Kinga Gniadek" userId="43cb074d-dcd1-4848-963b-d77b93284ad2" providerId="ADAL" clId="{F5658412-CB27-4EA0-9B91-5E2D686EE832}" dt="2022-11-24T13:12:20.106" v="12491" actId="164"/>
          <ac:cxnSpMkLst>
            <pc:docMk/>
            <pc:sldMk cId="2598946590" sldId="323"/>
            <ac:cxnSpMk id="23" creationId="{636CC137-CF38-405F-91C6-AAE30EEFDC92}"/>
          </ac:cxnSpMkLst>
        </pc:cxnChg>
        <pc:cxnChg chg="add mod">
          <ac:chgData name="Kinga Gniadek" userId="43cb074d-dcd1-4848-963b-d77b93284ad2" providerId="ADAL" clId="{F5658412-CB27-4EA0-9B91-5E2D686EE832}" dt="2022-11-24T13:12:20.106" v="12491" actId="164"/>
          <ac:cxnSpMkLst>
            <pc:docMk/>
            <pc:sldMk cId="2598946590" sldId="323"/>
            <ac:cxnSpMk id="33" creationId="{6FCB66BD-EDF2-4D16-87D7-49C13ED8B762}"/>
          </ac:cxnSpMkLst>
        </pc:cxnChg>
        <pc:cxnChg chg="add mod">
          <ac:chgData name="Kinga Gniadek" userId="43cb074d-dcd1-4848-963b-d77b93284ad2" providerId="ADAL" clId="{F5658412-CB27-4EA0-9B91-5E2D686EE832}" dt="2022-11-24T13:12:20.106" v="12491" actId="164"/>
          <ac:cxnSpMkLst>
            <pc:docMk/>
            <pc:sldMk cId="2598946590" sldId="323"/>
            <ac:cxnSpMk id="37" creationId="{F1B559EB-293F-4272-80F2-8242C6382CF1}"/>
          </ac:cxnSpMkLst>
        </pc:cxnChg>
        <pc:cxnChg chg="add mod">
          <ac:chgData name="Kinga Gniadek" userId="43cb074d-dcd1-4848-963b-d77b93284ad2" providerId="ADAL" clId="{F5658412-CB27-4EA0-9B91-5E2D686EE832}" dt="2022-11-24T13:12:20.106" v="12491" actId="164"/>
          <ac:cxnSpMkLst>
            <pc:docMk/>
            <pc:sldMk cId="2598946590" sldId="323"/>
            <ac:cxnSpMk id="46" creationId="{87F72C7C-C917-4019-A90B-52B5BFE1D9AC}"/>
          </ac:cxnSpMkLst>
        </pc:cxnChg>
        <pc:cxnChg chg="add mod">
          <ac:chgData name="Kinga Gniadek" userId="43cb074d-dcd1-4848-963b-d77b93284ad2" providerId="ADAL" clId="{F5658412-CB27-4EA0-9B91-5E2D686EE832}" dt="2022-11-24T13:12:20.106" v="12491" actId="164"/>
          <ac:cxnSpMkLst>
            <pc:docMk/>
            <pc:sldMk cId="2598946590" sldId="323"/>
            <ac:cxnSpMk id="51" creationId="{28891754-0CA2-4220-8A19-F0D3E6A4D998}"/>
          </ac:cxnSpMkLst>
        </pc:cxnChg>
      </pc:sldChg>
      <pc:sldChg chg="addSp modSp add mod modTransition">
        <pc:chgData name="Kinga Gniadek" userId="43cb074d-dcd1-4848-963b-d77b93284ad2" providerId="ADAL" clId="{F5658412-CB27-4EA0-9B91-5E2D686EE832}" dt="2022-12-02T10:24:38.127" v="16681"/>
        <pc:sldMkLst>
          <pc:docMk/>
          <pc:sldMk cId="3399295466" sldId="324"/>
        </pc:sldMkLst>
        <pc:spChg chg="add mod">
          <ac:chgData name="Kinga Gniadek" userId="43cb074d-dcd1-4848-963b-d77b93284ad2" providerId="ADAL" clId="{F5658412-CB27-4EA0-9B91-5E2D686EE832}" dt="2022-11-24T07:08:13.520" v="9191" actId="1076"/>
          <ac:spMkLst>
            <pc:docMk/>
            <pc:sldMk cId="3399295466" sldId="324"/>
            <ac:spMk id="2" creationId="{6F5283E7-B53C-4E0F-9E68-754AABD6E936}"/>
          </ac:spMkLst>
        </pc:spChg>
        <pc:spChg chg="add mod">
          <ac:chgData name="Kinga Gniadek" userId="43cb074d-dcd1-4848-963b-d77b93284ad2" providerId="ADAL" clId="{F5658412-CB27-4EA0-9B91-5E2D686EE832}" dt="2022-12-02T10:24:38.127" v="16681"/>
          <ac:spMkLst>
            <pc:docMk/>
            <pc:sldMk cId="3399295466" sldId="324"/>
            <ac:spMk id="7" creationId="{319AC7AC-4961-4DE6-BCBF-13A445327E27}"/>
          </ac:spMkLst>
        </pc:spChg>
        <pc:spChg chg="mod">
          <ac:chgData name="Kinga Gniadek" userId="43cb074d-dcd1-4848-963b-d77b93284ad2" providerId="ADAL" clId="{F5658412-CB27-4EA0-9B91-5E2D686EE832}" dt="2022-11-22T10:28:43.834" v="4275" actId="20577"/>
          <ac:spMkLst>
            <pc:docMk/>
            <pc:sldMk cId="3399295466" sldId="324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30:10.115" v="16175" actId="108"/>
          <ac:spMkLst>
            <pc:docMk/>
            <pc:sldMk cId="3399295466" sldId="324"/>
            <ac:spMk id="14" creationId="{B6CA66AD-D631-4C5E-A924-BC952D4B4394}"/>
          </ac:spMkLst>
        </pc:spChg>
        <pc:picChg chg="mod">
          <ac:chgData name="Kinga Gniadek" userId="43cb074d-dcd1-4848-963b-d77b93284ad2" providerId="ADAL" clId="{F5658412-CB27-4EA0-9B91-5E2D686EE832}" dt="2022-11-24T07:08:04.082" v="9189" actId="1076"/>
          <ac:picMkLst>
            <pc:docMk/>
            <pc:sldMk cId="3399295466" sldId="324"/>
            <ac:picMk id="10" creationId="{3DBEB729-1203-44C5-AFA2-B745B6A191BC}"/>
          </ac:picMkLst>
        </pc:picChg>
      </pc:sldChg>
      <pc:sldChg chg="modSp add del mod ord">
        <pc:chgData name="Kinga Gniadek" userId="43cb074d-dcd1-4848-963b-d77b93284ad2" providerId="ADAL" clId="{F5658412-CB27-4EA0-9B91-5E2D686EE832}" dt="2022-11-24T07:08:35.643" v="9194" actId="47"/>
        <pc:sldMkLst>
          <pc:docMk/>
          <pc:sldMk cId="4078398782" sldId="325"/>
        </pc:sldMkLst>
        <pc:spChg chg="mod">
          <ac:chgData name="Kinga Gniadek" userId="43cb074d-dcd1-4848-963b-d77b93284ad2" providerId="ADAL" clId="{F5658412-CB27-4EA0-9B91-5E2D686EE832}" dt="2022-11-22T10:29:30.526" v="4350" actId="20577"/>
          <ac:spMkLst>
            <pc:docMk/>
            <pc:sldMk cId="4078398782" sldId="325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1-22T10:29:22.469" v="4349" actId="1076"/>
          <ac:spMkLst>
            <pc:docMk/>
            <pc:sldMk cId="4078398782" sldId="325"/>
            <ac:spMk id="14" creationId="{B6CA66AD-D631-4C5E-A924-BC952D4B4394}"/>
          </ac:spMkLst>
        </pc:spChg>
      </pc:sldChg>
      <pc:sldChg chg="addSp delSp modSp add mod ord modTransition">
        <pc:chgData name="Kinga Gniadek" userId="43cb074d-dcd1-4848-963b-d77b93284ad2" providerId="ADAL" clId="{F5658412-CB27-4EA0-9B91-5E2D686EE832}" dt="2022-12-02T10:25:54.050" v="16698" actId="478"/>
        <pc:sldMkLst>
          <pc:docMk/>
          <pc:sldMk cId="2613985370" sldId="326"/>
        </pc:sldMkLst>
        <pc:spChg chg="add del mod">
          <ac:chgData name="Kinga Gniadek" userId="43cb074d-dcd1-4848-963b-d77b93284ad2" providerId="ADAL" clId="{F5658412-CB27-4EA0-9B91-5E2D686EE832}" dt="2022-12-02T10:25:54.050" v="16698" actId="478"/>
          <ac:spMkLst>
            <pc:docMk/>
            <pc:sldMk cId="2613985370" sldId="326"/>
            <ac:spMk id="6" creationId="{2380D25B-27BC-46CB-9AB9-030FFB1A34CA}"/>
          </ac:spMkLst>
        </pc:spChg>
        <pc:spChg chg="add mod">
          <ac:chgData name="Kinga Gniadek" userId="43cb074d-dcd1-4848-963b-d77b93284ad2" providerId="ADAL" clId="{F5658412-CB27-4EA0-9B91-5E2D686EE832}" dt="2022-12-02T10:25:52.174" v="16697"/>
          <ac:spMkLst>
            <pc:docMk/>
            <pc:sldMk cId="2613985370" sldId="326"/>
            <ac:spMk id="7" creationId="{43A99635-BE45-4717-9FB3-ADFC81824FE8}"/>
          </ac:spMkLst>
        </pc:spChg>
        <pc:spChg chg="mod">
          <ac:chgData name="Kinga Gniadek" userId="43cb074d-dcd1-4848-963b-d77b93284ad2" providerId="ADAL" clId="{F5658412-CB27-4EA0-9B91-5E2D686EE832}" dt="2022-11-22T10:29:43.341" v="4360" actId="20577"/>
          <ac:spMkLst>
            <pc:docMk/>
            <pc:sldMk cId="2613985370" sldId="326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1-24T07:07:51.309" v="9187" actId="113"/>
          <ac:spMkLst>
            <pc:docMk/>
            <pc:sldMk cId="2613985370" sldId="326"/>
            <ac:spMk id="14" creationId="{B6CA66AD-D631-4C5E-A924-BC952D4B4394}"/>
          </ac:spMkLst>
        </pc:spChg>
      </pc:sldChg>
      <pc:sldChg chg="addSp modSp add mod ord modTransition">
        <pc:chgData name="Kinga Gniadek" userId="43cb074d-dcd1-4848-963b-d77b93284ad2" providerId="ADAL" clId="{F5658412-CB27-4EA0-9B91-5E2D686EE832}" dt="2022-12-02T10:18:01.659" v="16669" actId="1076"/>
        <pc:sldMkLst>
          <pc:docMk/>
          <pc:sldMk cId="2563490891" sldId="327"/>
        </pc:sldMkLst>
        <pc:spChg chg="add mod">
          <ac:chgData name="Kinga Gniadek" userId="43cb074d-dcd1-4848-963b-d77b93284ad2" providerId="ADAL" clId="{F5658412-CB27-4EA0-9B91-5E2D686EE832}" dt="2022-12-02T10:18:01.659" v="16669" actId="1076"/>
          <ac:spMkLst>
            <pc:docMk/>
            <pc:sldMk cId="2563490891" sldId="327"/>
            <ac:spMk id="5" creationId="{EEB532FB-0F2D-4D9A-BD6D-1AFFD61E31EA}"/>
          </ac:spMkLst>
        </pc:spChg>
        <pc:spChg chg="mod">
          <ac:chgData name="Kinga Gniadek" userId="43cb074d-dcd1-4848-963b-d77b93284ad2" providerId="ADAL" clId="{F5658412-CB27-4EA0-9B91-5E2D686EE832}" dt="2022-11-23T09:30:55.619" v="5365" actId="20577"/>
          <ac:spMkLst>
            <pc:docMk/>
            <pc:sldMk cId="2563490891" sldId="327"/>
            <ac:spMk id="9" creationId="{BC8328B3-46B9-814A-9805-A5626BF21769}"/>
          </ac:spMkLst>
        </pc:spChg>
      </pc:sldChg>
      <pc:sldChg chg="addSp delSp modSp add mod modTransition">
        <pc:chgData name="Kinga Gniadek" userId="43cb074d-dcd1-4848-963b-d77b93284ad2" providerId="ADAL" clId="{F5658412-CB27-4EA0-9B91-5E2D686EE832}" dt="2022-12-02T10:18:08.038" v="16672"/>
        <pc:sldMkLst>
          <pc:docMk/>
          <pc:sldMk cId="2824569955" sldId="328"/>
        </pc:sldMkLst>
        <pc:spChg chg="add mod">
          <ac:chgData name="Kinga Gniadek" userId="43cb074d-dcd1-4848-963b-d77b93284ad2" providerId="ADAL" clId="{F5658412-CB27-4EA0-9B91-5E2D686EE832}" dt="2022-12-02T10:18:08.038" v="16672"/>
          <ac:spMkLst>
            <pc:docMk/>
            <pc:sldMk cId="2824569955" sldId="328"/>
            <ac:spMk id="8" creationId="{112D1EA2-16CD-4807-A23E-15B34C6F1D7F}"/>
          </ac:spMkLst>
        </pc:spChg>
        <pc:spChg chg="mod">
          <ac:chgData name="Kinga Gniadek" userId="43cb074d-dcd1-4848-963b-d77b93284ad2" providerId="ADAL" clId="{F5658412-CB27-4EA0-9B91-5E2D686EE832}" dt="2022-12-01T07:27:08.894" v="16137" actId="20577"/>
          <ac:spMkLst>
            <pc:docMk/>
            <pc:sldMk cId="2824569955" sldId="328"/>
            <ac:spMk id="14" creationId="{B6CA66AD-D631-4C5E-A924-BC952D4B4394}"/>
          </ac:spMkLst>
        </pc:spChg>
        <pc:picChg chg="mod">
          <ac:chgData name="Kinga Gniadek" userId="43cb074d-dcd1-4848-963b-d77b93284ad2" providerId="ADAL" clId="{F5658412-CB27-4EA0-9B91-5E2D686EE832}" dt="2022-11-23T10:59:26.351" v="6749" actId="1076"/>
          <ac:picMkLst>
            <pc:docMk/>
            <pc:sldMk cId="2824569955" sldId="328"/>
            <ac:picMk id="7" creationId="{DF07C60E-6D65-4F20-8EDF-2565D66F2306}"/>
          </ac:picMkLst>
        </pc:picChg>
        <pc:picChg chg="add del mod">
          <ac:chgData name="Kinga Gniadek" userId="43cb074d-dcd1-4848-963b-d77b93284ad2" providerId="ADAL" clId="{F5658412-CB27-4EA0-9B91-5E2D686EE832}" dt="2022-11-23T10:53:22.974" v="6743" actId="478"/>
          <ac:picMkLst>
            <pc:docMk/>
            <pc:sldMk cId="2824569955" sldId="328"/>
            <ac:picMk id="8" creationId="{E74619A5-B5C2-4FBB-A421-5E554AB47361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17:43.244" v="16665" actId="1076"/>
        <pc:sldMkLst>
          <pc:docMk/>
          <pc:sldMk cId="3242329092" sldId="329"/>
        </pc:sldMkLst>
        <pc:spChg chg="add mod">
          <ac:chgData name="Kinga Gniadek" userId="43cb074d-dcd1-4848-963b-d77b93284ad2" providerId="ADAL" clId="{F5658412-CB27-4EA0-9B91-5E2D686EE832}" dt="2022-12-02T10:17:43.244" v="16665" actId="1076"/>
          <ac:spMkLst>
            <pc:docMk/>
            <pc:sldMk cId="3242329092" sldId="329"/>
            <ac:spMk id="8" creationId="{DC76FB8A-CD24-4A92-98CA-0AE69C81B0A4}"/>
          </ac:spMkLst>
        </pc:spChg>
        <pc:spChg chg="mod">
          <ac:chgData name="Kinga Gniadek" userId="43cb074d-dcd1-4848-963b-d77b93284ad2" providerId="ADAL" clId="{F5658412-CB27-4EA0-9B91-5E2D686EE832}" dt="2022-12-01T07:26:25.034" v="16126" actId="20577"/>
          <ac:spMkLst>
            <pc:docMk/>
            <pc:sldMk cId="3242329092" sldId="329"/>
            <ac:spMk id="14" creationId="{B6CA66AD-D631-4C5E-A924-BC952D4B4394}"/>
          </ac:spMkLst>
        </pc:spChg>
        <pc:picChg chg="del mod">
          <ac:chgData name="Kinga Gniadek" userId="43cb074d-dcd1-4848-963b-d77b93284ad2" providerId="ADAL" clId="{F5658412-CB27-4EA0-9B91-5E2D686EE832}" dt="2022-11-24T13:39:23.108" v="12543" actId="478"/>
          <ac:picMkLst>
            <pc:docMk/>
            <pc:sldMk cId="3242329092" sldId="329"/>
            <ac:picMk id="6" creationId="{226A0ACC-798D-486F-8F8F-616C249421C7}"/>
          </ac:picMkLst>
        </pc:picChg>
        <pc:picChg chg="add mod">
          <ac:chgData name="Kinga Gniadek" userId="43cb074d-dcd1-4848-963b-d77b93284ad2" providerId="ADAL" clId="{F5658412-CB27-4EA0-9B91-5E2D686EE832}" dt="2022-11-24T13:39:25.995" v="12544"/>
          <ac:picMkLst>
            <pc:docMk/>
            <pc:sldMk cId="3242329092" sldId="329"/>
            <ac:picMk id="7" creationId="{9DB8DC34-D774-44AB-869B-00D80B7954F9}"/>
          </ac:picMkLst>
        </pc:picChg>
      </pc:sldChg>
      <pc:sldChg chg="addSp modSp add mod modTransition">
        <pc:chgData name="Kinga Gniadek" userId="43cb074d-dcd1-4848-963b-d77b93284ad2" providerId="ADAL" clId="{F5658412-CB27-4EA0-9B91-5E2D686EE832}" dt="2022-12-02T10:24:39.641" v="16682"/>
        <pc:sldMkLst>
          <pc:docMk/>
          <pc:sldMk cId="1899471179" sldId="330"/>
        </pc:sldMkLst>
        <pc:spChg chg="add mod">
          <ac:chgData name="Kinga Gniadek" userId="43cb074d-dcd1-4848-963b-d77b93284ad2" providerId="ADAL" clId="{F5658412-CB27-4EA0-9B91-5E2D686EE832}" dt="2022-12-02T10:24:39.641" v="16682"/>
          <ac:spMkLst>
            <pc:docMk/>
            <pc:sldMk cId="1899471179" sldId="330"/>
            <ac:spMk id="6" creationId="{23813254-11BF-4915-9DCD-673BECD4D6BF}"/>
          </ac:spMkLst>
        </pc:spChg>
        <pc:spChg chg="mod">
          <ac:chgData name="Kinga Gniadek" userId="43cb074d-dcd1-4848-963b-d77b93284ad2" providerId="ADAL" clId="{F5658412-CB27-4EA0-9B91-5E2D686EE832}" dt="2022-12-01T07:30:33.593" v="16187" actId="20577"/>
          <ac:spMkLst>
            <pc:docMk/>
            <pc:sldMk cId="1899471179" sldId="330"/>
            <ac:spMk id="14" creationId="{B6CA66AD-D631-4C5E-A924-BC952D4B4394}"/>
          </ac:spMkLst>
        </pc:spChg>
      </pc:sldChg>
      <pc:sldChg chg="addSp delSp modSp add mod modTransition">
        <pc:chgData name="Kinga Gniadek" userId="43cb074d-dcd1-4848-963b-d77b93284ad2" providerId="ADAL" clId="{F5658412-CB27-4EA0-9B91-5E2D686EE832}" dt="2022-12-01T07:28:36.001" v="16149" actId="108"/>
        <pc:sldMkLst>
          <pc:docMk/>
          <pc:sldMk cId="3107981498" sldId="331"/>
        </pc:sldMkLst>
        <pc:spChg chg="add del">
          <ac:chgData name="Kinga Gniadek" userId="43cb074d-dcd1-4848-963b-d77b93284ad2" providerId="ADAL" clId="{F5658412-CB27-4EA0-9B91-5E2D686EE832}" dt="2022-11-24T06:54:03.537" v="8792"/>
          <ac:spMkLst>
            <pc:docMk/>
            <pc:sldMk cId="3107981498" sldId="331"/>
            <ac:spMk id="2" creationId="{1608C871-6615-4A2D-963C-0FD9A096BCB6}"/>
          </ac:spMkLst>
        </pc:spChg>
        <pc:spChg chg="add del">
          <ac:chgData name="Kinga Gniadek" userId="43cb074d-dcd1-4848-963b-d77b93284ad2" providerId="ADAL" clId="{F5658412-CB27-4EA0-9B91-5E2D686EE832}" dt="2022-11-23T14:45:36.005" v="7741"/>
          <ac:spMkLst>
            <pc:docMk/>
            <pc:sldMk cId="3107981498" sldId="331"/>
            <ac:spMk id="2" creationId="{3D23A976-1F34-4326-B648-434BE0BE0449}"/>
          </ac:spMkLst>
        </pc:spChg>
        <pc:spChg chg="mod">
          <ac:chgData name="Kinga Gniadek" userId="43cb074d-dcd1-4848-963b-d77b93284ad2" providerId="ADAL" clId="{F5658412-CB27-4EA0-9B91-5E2D686EE832}" dt="2022-12-01T07:28:36.001" v="16149" actId="108"/>
          <ac:spMkLst>
            <pc:docMk/>
            <pc:sldMk cId="3107981498" sldId="331"/>
            <ac:spMk id="14" creationId="{B6CA66AD-D631-4C5E-A924-BC952D4B4394}"/>
          </ac:spMkLst>
        </pc:spChg>
        <pc:picChg chg="del mod">
          <ac:chgData name="Kinga Gniadek" userId="43cb074d-dcd1-4848-963b-d77b93284ad2" providerId="ADAL" clId="{F5658412-CB27-4EA0-9B91-5E2D686EE832}" dt="2022-11-24T06:55:49.626" v="8816" actId="478"/>
          <ac:picMkLst>
            <pc:docMk/>
            <pc:sldMk cId="3107981498" sldId="331"/>
            <ac:picMk id="7" creationId="{DF07C60E-6D65-4F20-8EDF-2565D66F2306}"/>
          </ac:picMkLst>
        </pc:picChg>
        <pc:picChg chg="add mod">
          <ac:chgData name="Kinga Gniadek" userId="43cb074d-dcd1-4848-963b-d77b93284ad2" providerId="ADAL" clId="{F5658412-CB27-4EA0-9B91-5E2D686EE832}" dt="2022-11-24T13:18:49.744" v="12506"/>
          <ac:picMkLst>
            <pc:docMk/>
            <pc:sldMk cId="3107981498" sldId="331"/>
            <ac:picMk id="8" creationId="{53A20416-1F69-495B-80BB-C8D822FA67C9}"/>
          </ac:picMkLst>
        </pc:picChg>
        <pc:picChg chg="mod">
          <ac:chgData name="Kinga Gniadek" userId="43cb074d-dcd1-4848-963b-d77b93284ad2" providerId="ADAL" clId="{F5658412-CB27-4EA0-9B91-5E2D686EE832}" dt="2022-11-24T07:00:18.124" v="9047" actId="14100"/>
          <ac:picMkLst>
            <pc:docMk/>
            <pc:sldMk cId="3107981498" sldId="331"/>
            <ac:picMk id="10" creationId="{3DBEB729-1203-44C5-AFA2-B745B6A191BC}"/>
          </ac:picMkLst>
        </pc:picChg>
      </pc:sldChg>
      <pc:sldChg chg="addSp delSp modSp add del mod">
        <pc:chgData name="Kinga Gniadek" userId="43cb074d-dcd1-4848-963b-d77b93284ad2" providerId="ADAL" clId="{F5658412-CB27-4EA0-9B91-5E2D686EE832}" dt="2022-11-24T07:19:54.636" v="9560" actId="47"/>
        <pc:sldMkLst>
          <pc:docMk/>
          <pc:sldMk cId="9085081" sldId="332"/>
        </pc:sldMkLst>
        <pc:spChg chg="add mod">
          <ac:chgData name="Kinga Gniadek" userId="43cb074d-dcd1-4848-963b-d77b93284ad2" providerId="ADAL" clId="{F5658412-CB27-4EA0-9B91-5E2D686EE832}" dt="2022-11-24T07:17:58.027" v="9534" actId="1582"/>
          <ac:spMkLst>
            <pc:docMk/>
            <pc:sldMk cId="9085081" sldId="332"/>
            <ac:spMk id="2" creationId="{22F04EC8-36D3-408A-8651-40DA044FF4FA}"/>
          </ac:spMkLst>
        </pc:spChg>
        <pc:spChg chg="add mod">
          <ac:chgData name="Kinga Gniadek" userId="43cb074d-dcd1-4848-963b-d77b93284ad2" providerId="ADAL" clId="{F5658412-CB27-4EA0-9B91-5E2D686EE832}" dt="2022-11-24T07:07:00.308" v="9178" actId="13822"/>
          <ac:spMkLst>
            <pc:docMk/>
            <pc:sldMk cId="9085081" sldId="332"/>
            <ac:spMk id="4" creationId="{BAE8ECFD-D6AF-47C5-AB9D-8F3FD3D34E77}"/>
          </ac:spMkLst>
        </pc:spChg>
        <pc:spChg chg="mod">
          <ac:chgData name="Kinga Gniadek" userId="43cb074d-dcd1-4848-963b-d77b93284ad2" providerId="ADAL" clId="{F5658412-CB27-4EA0-9B91-5E2D686EE832}" dt="2022-11-24T07:04:55.407" v="9146" actId="20577"/>
          <ac:spMkLst>
            <pc:docMk/>
            <pc:sldMk cId="9085081" sldId="332"/>
            <ac:spMk id="12" creationId="{4FFB8876-A80B-45BF-B457-69F329D40EAB}"/>
          </ac:spMkLst>
        </pc:spChg>
        <pc:spChg chg="del">
          <ac:chgData name="Kinga Gniadek" userId="43cb074d-dcd1-4848-963b-d77b93284ad2" providerId="ADAL" clId="{F5658412-CB27-4EA0-9B91-5E2D686EE832}" dt="2022-11-24T07:04:59.688" v="9147" actId="478"/>
          <ac:spMkLst>
            <pc:docMk/>
            <pc:sldMk cId="9085081" sldId="332"/>
            <ac:spMk id="14" creationId="{B6CA66AD-D631-4C5E-A924-BC952D4B4394}"/>
          </ac:spMkLst>
        </pc:spChg>
        <pc:grpChg chg="add mod">
          <ac:chgData name="Kinga Gniadek" userId="43cb074d-dcd1-4848-963b-d77b93284ad2" providerId="ADAL" clId="{F5658412-CB27-4EA0-9B91-5E2D686EE832}" dt="2022-11-24T07:06:08.483" v="9173" actId="1076"/>
          <ac:grpSpMkLst>
            <pc:docMk/>
            <pc:sldMk cId="9085081" sldId="332"/>
            <ac:grpSpMk id="3" creationId="{285FC732-8F8A-421D-A528-D6BE72DEB048}"/>
          </ac:grpSpMkLst>
        </pc:grpChg>
        <pc:picChg chg="add mod">
          <ac:chgData name="Kinga Gniadek" userId="43cb074d-dcd1-4848-963b-d77b93284ad2" providerId="ADAL" clId="{F5658412-CB27-4EA0-9B91-5E2D686EE832}" dt="2022-11-24T07:06:20.723" v="9175" actId="1076"/>
          <ac:picMkLst>
            <pc:docMk/>
            <pc:sldMk cId="9085081" sldId="332"/>
            <ac:picMk id="9" creationId="{11F789B3-BAE2-4714-95FC-6512167FEC7C}"/>
          </ac:picMkLst>
        </pc:picChg>
        <pc:picChg chg="mod">
          <ac:chgData name="Kinga Gniadek" userId="43cb074d-dcd1-4848-963b-d77b93284ad2" providerId="ADAL" clId="{F5658412-CB27-4EA0-9B91-5E2D686EE832}" dt="2022-11-24T07:05:48.968" v="9170" actId="164"/>
          <ac:picMkLst>
            <pc:docMk/>
            <pc:sldMk cId="9085081" sldId="332"/>
            <ac:picMk id="18" creationId="{4CDBF5D4-A44E-43B1-B053-2637FCFC6736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25:56.088" v="16699"/>
        <pc:sldMkLst>
          <pc:docMk/>
          <pc:sldMk cId="2638026190" sldId="333"/>
        </pc:sldMkLst>
        <pc:spChg chg="add mod">
          <ac:chgData name="Kinga Gniadek" userId="43cb074d-dcd1-4848-963b-d77b93284ad2" providerId="ADAL" clId="{F5658412-CB27-4EA0-9B91-5E2D686EE832}" dt="2022-12-02T10:25:56.088" v="16699"/>
          <ac:spMkLst>
            <pc:docMk/>
            <pc:sldMk cId="2638026190" sldId="333"/>
            <ac:spMk id="7" creationId="{E0CF9778-FD4F-4C99-810F-A99C64C1763C}"/>
          </ac:spMkLst>
        </pc:spChg>
        <pc:spChg chg="del">
          <ac:chgData name="Kinga Gniadek" userId="43cb074d-dcd1-4848-963b-d77b93284ad2" providerId="ADAL" clId="{F5658412-CB27-4EA0-9B91-5E2D686EE832}" dt="2022-11-24T07:09:01.915" v="9195" actId="478"/>
          <ac:spMkLst>
            <pc:docMk/>
            <pc:sldMk cId="2638026190" sldId="333"/>
            <ac:spMk id="14" creationId="{B6CA66AD-D631-4C5E-A924-BC952D4B4394}"/>
          </ac:spMkLst>
        </pc:spChg>
        <pc:picChg chg="add mod">
          <ac:chgData name="Kinga Gniadek" userId="43cb074d-dcd1-4848-963b-d77b93284ad2" providerId="ADAL" clId="{F5658412-CB27-4EA0-9B91-5E2D686EE832}" dt="2022-11-24T07:09:08.644" v="9198" actId="1076"/>
          <ac:picMkLst>
            <pc:docMk/>
            <pc:sldMk cId="2638026190" sldId="333"/>
            <ac:picMk id="6" creationId="{99F996D1-D8CA-48A2-B1C7-D73959D0F1AA}"/>
          </ac:picMkLst>
        </pc:picChg>
      </pc:sldChg>
      <pc:sldChg chg="addSp delSp modSp add mod modTransition modShow">
        <pc:chgData name="Kinga Gniadek" userId="43cb074d-dcd1-4848-963b-d77b93284ad2" providerId="ADAL" clId="{F5658412-CB27-4EA0-9B91-5E2D686EE832}" dt="2022-12-02T11:14:22.109" v="16715" actId="729"/>
        <pc:sldMkLst>
          <pc:docMk/>
          <pc:sldMk cId="1175326131" sldId="334"/>
        </pc:sldMkLst>
        <pc:spChg chg="add mod">
          <ac:chgData name="Kinga Gniadek" userId="43cb074d-dcd1-4848-963b-d77b93284ad2" providerId="ADAL" clId="{F5658412-CB27-4EA0-9B91-5E2D686EE832}" dt="2022-12-02T10:25:58.944" v="16700"/>
          <ac:spMkLst>
            <pc:docMk/>
            <pc:sldMk cId="1175326131" sldId="334"/>
            <ac:spMk id="6" creationId="{11C35B49-F215-4517-82F5-13D2A0164A27}"/>
          </ac:spMkLst>
        </pc:spChg>
        <pc:picChg chg="del">
          <ac:chgData name="Kinga Gniadek" userId="43cb074d-dcd1-4848-963b-d77b93284ad2" providerId="ADAL" clId="{F5658412-CB27-4EA0-9B91-5E2D686EE832}" dt="2022-11-24T07:09:24.620" v="9200" actId="478"/>
          <ac:picMkLst>
            <pc:docMk/>
            <pc:sldMk cId="1175326131" sldId="334"/>
            <ac:picMk id="6" creationId="{99F996D1-D8CA-48A2-B1C7-D73959D0F1AA}"/>
          </ac:picMkLst>
        </pc:picChg>
        <pc:picChg chg="add mod">
          <ac:chgData name="Kinga Gniadek" userId="43cb074d-dcd1-4848-963b-d77b93284ad2" providerId="ADAL" clId="{F5658412-CB27-4EA0-9B91-5E2D686EE832}" dt="2022-11-24T07:09:33.130" v="9203" actId="1076"/>
          <ac:picMkLst>
            <pc:docMk/>
            <pc:sldMk cId="1175326131" sldId="334"/>
            <ac:picMk id="7" creationId="{1E203EA9-AC66-4DA5-9BAB-3C283D8AD15F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26:00.105" v="16701"/>
        <pc:sldMkLst>
          <pc:docMk/>
          <pc:sldMk cId="2346479200" sldId="335"/>
        </pc:sldMkLst>
        <pc:spChg chg="add mod">
          <ac:chgData name="Kinga Gniadek" userId="43cb074d-dcd1-4848-963b-d77b93284ad2" providerId="ADAL" clId="{F5658412-CB27-4EA0-9B91-5E2D686EE832}" dt="2022-12-01T07:30:51.323" v="16188" actId="20577"/>
          <ac:spMkLst>
            <pc:docMk/>
            <pc:sldMk cId="2346479200" sldId="335"/>
            <ac:spMk id="8" creationId="{FC5AE6A3-37F6-429B-8CF4-37EA0D1BF7F5}"/>
          </ac:spMkLst>
        </pc:spChg>
        <pc:spChg chg="add mod">
          <ac:chgData name="Kinga Gniadek" userId="43cb074d-dcd1-4848-963b-d77b93284ad2" providerId="ADAL" clId="{F5658412-CB27-4EA0-9B91-5E2D686EE832}" dt="2022-12-01T07:30:52.293" v="16189" actId="20577"/>
          <ac:spMkLst>
            <pc:docMk/>
            <pc:sldMk cId="2346479200" sldId="335"/>
            <ac:spMk id="9" creationId="{D3BD5D2F-C6D8-4537-A146-520F33C0A7A2}"/>
          </ac:spMkLst>
        </pc:spChg>
        <pc:spChg chg="add mod">
          <ac:chgData name="Kinga Gniadek" userId="43cb074d-dcd1-4848-963b-d77b93284ad2" providerId="ADAL" clId="{F5658412-CB27-4EA0-9B91-5E2D686EE832}" dt="2022-12-01T07:30:52.894" v="16190" actId="20577"/>
          <ac:spMkLst>
            <pc:docMk/>
            <pc:sldMk cId="2346479200" sldId="335"/>
            <ac:spMk id="11" creationId="{89A964BF-B673-42C1-B1D8-843D9A4A8EC1}"/>
          </ac:spMkLst>
        </pc:spChg>
        <pc:spChg chg="add mod">
          <ac:chgData name="Kinga Gniadek" userId="43cb074d-dcd1-4848-963b-d77b93284ad2" providerId="ADAL" clId="{F5658412-CB27-4EA0-9B91-5E2D686EE832}" dt="2022-12-02T10:26:00.105" v="16701"/>
          <ac:spMkLst>
            <pc:docMk/>
            <pc:sldMk cId="2346479200" sldId="335"/>
            <ac:spMk id="14" creationId="{693414BC-39A2-47B1-9F6A-4D01408D2339}"/>
          </ac:spMkLst>
        </pc:spChg>
        <pc:picChg chg="add mod">
          <ac:chgData name="Kinga Gniadek" userId="43cb074d-dcd1-4848-963b-d77b93284ad2" providerId="ADAL" clId="{F5658412-CB27-4EA0-9B91-5E2D686EE832}" dt="2022-11-24T07:10:11.206" v="9210" actId="1076"/>
          <ac:picMkLst>
            <pc:docMk/>
            <pc:sldMk cId="2346479200" sldId="335"/>
            <ac:picMk id="6" creationId="{A822F4D4-57DD-456B-A792-E1229F0A91EA}"/>
          </ac:picMkLst>
        </pc:picChg>
        <pc:picChg chg="del">
          <ac:chgData name="Kinga Gniadek" userId="43cb074d-dcd1-4848-963b-d77b93284ad2" providerId="ADAL" clId="{F5658412-CB27-4EA0-9B91-5E2D686EE832}" dt="2022-11-24T07:10:07.665" v="9209" actId="478"/>
          <ac:picMkLst>
            <pc:docMk/>
            <pc:sldMk cId="2346479200" sldId="335"/>
            <ac:picMk id="7" creationId="{1E203EA9-AC66-4DA5-9BAB-3C283D8AD15F}"/>
          </ac:picMkLst>
        </pc:picChg>
        <pc:picChg chg="mod">
          <ac:chgData name="Kinga Gniadek" userId="43cb074d-dcd1-4848-963b-d77b93284ad2" providerId="ADAL" clId="{F5658412-CB27-4EA0-9B91-5E2D686EE832}" dt="2022-11-24T07:11:14.126" v="9283" actId="1076"/>
          <ac:picMkLst>
            <pc:docMk/>
            <pc:sldMk cId="2346479200" sldId="335"/>
            <ac:picMk id="10" creationId="{3DBEB729-1203-44C5-AFA2-B745B6A191BC}"/>
          </ac:picMkLst>
        </pc:picChg>
      </pc:sldChg>
      <pc:sldChg chg="addSp delSp modSp add mod ord modTransition setBg">
        <pc:chgData name="Kinga Gniadek" userId="43cb074d-dcd1-4848-963b-d77b93284ad2" providerId="ADAL" clId="{F5658412-CB27-4EA0-9B91-5E2D686EE832}" dt="2022-12-02T10:26:19.195" v="16705"/>
        <pc:sldMkLst>
          <pc:docMk/>
          <pc:sldMk cId="3087742105" sldId="336"/>
        </pc:sldMkLst>
        <pc:spChg chg="add mod">
          <ac:chgData name="Kinga Gniadek" userId="43cb074d-dcd1-4848-963b-d77b93284ad2" providerId="ADAL" clId="{F5658412-CB27-4EA0-9B91-5E2D686EE832}" dt="2022-12-02T10:26:19.195" v="16705"/>
          <ac:spMkLst>
            <pc:docMk/>
            <pc:sldMk cId="3087742105" sldId="336"/>
            <ac:spMk id="7" creationId="{FA32FE5D-42CF-43EA-A68F-44E5B3E2252B}"/>
          </ac:spMkLst>
        </pc:spChg>
        <pc:spChg chg="mod">
          <ac:chgData name="Kinga Gniadek" userId="43cb074d-dcd1-4848-963b-d77b93284ad2" providerId="ADAL" clId="{F5658412-CB27-4EA0-9B91-5E2D686EE832}" dt="2022-11-24T07:43:01.239" v="9953" actId="26606"/>
          <ac:spMkLst>
            <pc:docMk/>
            <pc:sldMk cId="3087742105" sldId="336"/>
            <ac:spMk id="12" creationId="{4FFB8876-A80B-45BF-B457-69F329D40EAB}"/>
          </ac:spMkLst>
        </pc:spChg>
        <pc:spChg chg="mod ord">
          <ac:chgData name="Kinga Gniadek" userId="43cb074d-dcd1-4848-963b-d77b93284ad2" providerId="ADAL" clId="{F5658412-CB27-4EA0-9B91-5E2D686EE832}" dt="2022-11-24T07:54:14.825" v="10641" actId="20577"/>
          <ac:spMkLst>
            <pc:docMk/>
            <pc:sldMk cId="3087742105" sldId="336"/>
            <ac:spMk id="14" creationId="{B6CA66AD-D631-4C5E-A924-BC952D4B4394}"/>
          </ac:spMkLst>
        </pc:spChg>
        <pc:spChg chg="add del">
          <ac:chgData name="Kinga Gniadek" userId="43cb074d-dcd1-4848-963b-d77b93284ad2" providerId="ADAL" clId="{F5658412-CB27-4EA0-9B91-5E2D686EE832}" dt="2022-11-24T07:43:01.239" v="9953" actId="26606"/>
          <ac:spMkLst>
            <pc:docMk/>
            <pc:sldMk cId="3087742105" sldId="336"/>
            <ac:spMk id="2055" creationId="{96EEF187-8434-4B76-BE40-006EEBB263CF}"/>
          </ac:spMkLst>
        </pc:spChg>
        <pc:spChg chg="add del">
          <ac:chgData name="Kinga Gniadek" userId="43cb074d-dcd1-4848-963b-d77b93284ad2" providerId="ADAL" clId="{F5658412-CB27-4EA0-9B91-5E2D686EE832}" dt="2022-11-24T07:43:01.239" v="9953" actId="26606"/>
          <ac:spMkLst>
            <pc:docMk/>
            <pc:sldMk cId="3087742105" sldId="336"/>
            <ac:spMk id="2057" creationId="{681CD866-52B5-4280-A92B-56BDFD1E9A12}"/>
          </ac:spMkLst>
        </pc:spChg>
        <pc:picChg chg="add del mod ord">
          <ac:chgData name="Kinga Gniadek" userId="43cb074d-dcd1-4848-963b-d77b93284ad2" providerId="ADAL" clId="{F5658412-CB27-4EA0-9B91-5E2D686EE832}" dt="2022-11-24T07:43:02.882" v="9954" actId="478"/>
          <ac:picMkLst>
            <pc:docMk/>
            <pc:sldMk cId="3087742105" sldId="336"/>
            <ac:picMk id="6" creationId="{8866E92B-98A8-451E-9EAB-96E94E6533EF}"/>
          </ac:picMkLst>
        </pc:picChg>
        <pc:picChg chg="mod modCrop">
          <ac:chgData name="Kinga Gniadek" userId="43cb074d-dcd1-4848-963b-d77b93284ad2" providerId="ADAL" clId="{F5658412-CB27-4EA0-9B91-5E2D686EE832}" dt="2022-11-24T08:05:23.026" v="11109" actId="14100"/>
          <ac:picMkLst>
            <pc:docMk/>
            <pc:sldMk cId="3087742105" sldId="336"/>
            <ac:picMk id="10" creationId="{3DBEB729-1203-44C5-AFA2-B745B6A191BC}"/>
          </ac:picMkLst>
        </pc:picChg>
        <pc:picChg chg="add mod">
          <ac:chgData name="Kinga Gniadek" userId="43cb074d-dcd1-4848-963b-d77b93284ad2" providerId="ADAL" clId="{F5658412-CB27-4EA0-9B91-5E2D686EE832}" dt="2022-11-24T07:54:21.418" v="10642" actId="1076"/>
          <ac:picMkLst>
            <pc:docMk/>
            <pc:sldMk cId="3087742105" sldId="336"/>
            <ac:picMk id="11" creationId="{0E576531-C57F-40D2-B1B9-E41B583CA182}"/>
          </ac:picMkLst>
        </pc:picChg>
        <pc:picChg chg="ord">
          <ac:chgData name="Kinga Gniadek" userId="43cb074d-dcd1-4848-963b-d77b93284ad2" providerId="ADAL" clId="{F5658412-CB27-4EA0-9B91-5E2D686EE832}" dt="2022-11-24T07:43:01.239" v="9953" actId="26606"/>
          <ac:picMkLst>
            <pc:docMk/>
            <pc:sldMk cId="3087742105" sldId="336"/>
            <ac:picMk id="13" creationId="{C1B89E39-78A6-4166-AF93-8F35BC510575}"/>
          </ac:picMkLst>
        </pc:picChg>
        <pc:picChg chg="add del mod">
          <ac:chgData name="Kinga Gniadek" userId="43cb074d-dcd1-4848-963b-d77b93284ad2" providerId="ADAL" clId="{F5658412-CB27-4EA0-9B91-5E2D686EE832}" dt="2022-11-24T07:53:39.352" v="10592" actId="478"/>
          <ac:picMkLst>
            <pc:docMk/>
            <pc:sldMk cId="3087742105" sldId="336"/>
            <ac:picMk id="2050" creationId="{AB7A9646-13C8-4EA8-B218-E57CF8FE8A0E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26:22.908" v="16708"/>
        <pc:sldMkLst>
          <pc:docMk/>
          <pc:sldMk cId="35131068" sldId="337"/>
        </pc:sldMkLst>
        <pc:spChg chg="add del">
          <ac:chgData name="Kinga Gniadek" userId="43cb074d-dcd1-4848-963b-d77b93284ad2" providerId="ADAL" clId="{F5658412-CB27-4EA0-9B91-5E2D686EE832}" dt="2022-11-24T07:56:11.305" v="10685"/>
          <ac:spMkLst>
            <pc:docMk/>
            <pc:sldMk cId="35131068" sldId="337"/>
            <ac:spMk id="2" creationId="{5D5C6A5E-5CA0-4995-87E7-0E1FED122ED3}"/>
          </ac:spMkLst>
        </pc:spChg>
        <pc:spChg chg="add del">
          <ac:chgData name="Kinga Gniadek" userId="43cb074d-dcd1-4848-963b-d77b93284ad2" providerId="ADAL" clId="{F5658412-CB27-4EA0-9B91-5E2D686EE832}" dt="2022-11-24T07:56:43.568" v="10733"/>
          <ac:spMkLst>
            <pc:docMk/>
            <pc:sldMk cId="35131068" sldId="337"/>
            <ac:spMk id="3" creationId="{3F04D5DF-CDBF-4892-96AF-077C610DB252}"/>
          </ac:spMkLst>
        </pc:spChg>
        <pc:spChg chg="add mod">
          <ac:chgData name="Kinga Gniadek" userId="43cb074d-dcd1-4848-963b-d77b93284ad2" providerId="ADAL" clId="{F5658412-CB27-4EA0-9B91-5E2D686EE832}" dt="2022-11-24T08:01:34.358" v="11096" actId="14100"/>
          <ac:spMkLst>
            <pc:docMk/>
            <pc:sldMk cId="35131068" sldId="337"/>
            <ac:spMk id="7" creationId="{399818BE-AA50-437F-894C-7573EF853B8C}"/>
          </ac:spMkLst>
        </pc:spChg>
        <pc:spChg chg="add mod">
          <ac:chgData name="Kinga Gniadek" userId="43cb074d-dcd1-4848-963b-d77b93284ad2" providerId="ADAL" clId="{F5658412-CB27-4EA0-9B91-5E2D686EE832}" dt="2022-12-02T10:26:22.908" v="16708"/>
          <ac:spMkLst>
            <pc:docMk/>
            <pc:sldMk cId="35131068" sldId="337"/>
            <ac:spMk id="8" creationId="{8AB10E5D-4635-4DD7-B226-01777117EBDC}"/>
          </ac:spMkLst>
        </pc:spChg>
        <pc:spChg chg="mod">
          <ac:chgData name="Kinga Gniadek" userId="43cb074d-dcd1-4848-963b-d77b93284ad2" providerId="ADAL" clId="{F5658412-CB27-4EA0-9B91-5E2D686EE832}" dt="2022-11-24T07:55:16.154" v="10643" actId="20577"/>
          <ac:spMkLst>
            <pc:docMk/>
            <pc:sldMk cId="35131068" sldId="337"/>
            <ac:spMk id="12" creationId="{4FFB8876-A80B-45BF-B457-69F329D40EAB}"/>
          </ac:spMkLst>
        </pc:spChg>
        <pc:spChg chg="del mod">
          <ac:chgData name="Kinga Gniadek" userId="43cb074d-dcd1-4848-963b-d77b93284ad2" providerId="ADAL" clId="{F5658412-CB27-4EA0-9B91-5E2D686EE832}" dt="2022-11-24T07:53:20.072" v="10587"/>
          <ac:spMkLst>
            <pc:docMk/>
            <pc:sldMk cId="35131068" sldId="337"/>
            <ac:spMk id="14" creationId="{B6CA66AD-D631-4C5E-A924-BC952D4B4394}"/>
          </ac:spMkLst>
        </pc:spChg>
        <pc:picChg chg="add mod">
          <ac:chgData name="Kinga Gniadek" userId="43cb074d-dcd1-4848-963b-d77b93284ad2" providerId="ADAL" clId="{F5658412-CB27-4EA0-9B91-5E2D686EE832}" dt="2022-11-24T08:01:46.125" v="11102" actId="1076"/>
          <ac:picMkLst>
            <pc:docMk/>
            <pc:sldMk cId="35131068" sldId="337"/>
            <ac:picMk id="5" creationId="{A5AE9A7F-94E7-41EC-8641-3F2E645D38E3}"/>
          </ac:picMkLst>
        </pc:picChg>
        <pc:picChg chg="mod">
          <ac:chgData name="Kinga Gniadek" userId="43cb074d-dcd1-4848-963b-d77b93284ad2" providerId="ADAL" clId="{F5658412-CB27-4EA0-9B91-5E2D686EE832}" dt="2022-11-24T08:05:11.467" v="11106" actId="14100"/>
          <ac:picMkLst>
            <pc:docMk/>
            <pc:sldMk cId="35131068" sldId="337"/>
            <ac:picMk id="10" creationId="{3DBEB729-1203-44C5-AFA2-B745B6A191BC}"/>
          </ac:picMkLst>
        </pc:picChg>
        <pc:picChg chg="del">
          <ac:chgData name="Kinga Gniadek" userId="43cb074d-dcd1-4848-963b-d77b93284ad2" providerId="ADAL" clId="{F5658412-CB27-4EA0-9B91-5E2D686EE832}" dt="2022-11-24T08:01:37.011" v="11098" actId="478"/>
          <ac:picMkLst>
            <pc:docMk/>
            <pc:sldMk cId="35131068" sldId="337"/>
            <ac:picMk id="2050" creationId="{AB7A9646-13C8-4EA8-B218-E57CF8FE8A0E}"/>
          </ac:picMkLst>
        </pc:picChg>
      </pc:sldChg>
      <pc:sldChg chg="addSp delSp modSp add del mod">
        <pc:chgData name="Kinga Gniadek" userId="43cb074d-dcd1-4848-963b-d77b93284ad2" providerId="ADAL" clId="{F5658412-CB27-4EA0-9B91-5E2D686EE832}" dt="2022-11-24T13:48:28.284" v="13466" actId="47"/>
        <pc:sldMkLst>
          <pc:docMk/>
          <pc:sldMk cId="3068896412" sldId="338"/>
        </pc:sldMkLst>
        <pc:spChg chg="add del mod">
          <ac:chgData name="Kinga Gniadek" userId="43cb074d-dcd1-4848-963b-d77b93284ad2" providerId="ADAL" clId="{F5658412-CB27-4EA0-9B91-5E2D686EE832}" dt="2022-11-24T13:40:08.272" v="12548" actId="21"/>
          <ac:spMkLst>
            <pc:docMk/>
            <pc:sldMk cId="3068896412" sldId="338"/>
            <ac:spMk id="7" creationId="{0B0E1264-C368-4E84-A24A-664C81085972}"/>
          </ac:spMkLst>
        </pc:spChg>
        <pc:spChg chg="mod">
          <ac:chgData name="Kinga Gniadek" userId="43cb074d-dcd1-4848-963b-d77b93284ad2" providerId="ADAL" clId="{F5658412-CB27-4EA0-9B91-5E2D686EE832}" dt="2022-11-24T13:17:51.906" v="12505" actId="20577"/>
          <ac:spMkLst>
            <pc:docMk/>
            <pc:sldMk cId="3068896412" sldId="338"/>
            <ac:spMk id="14" creationId="{B6CA66AD-D631-4C5E-A924-BC952D4B4394}"/>
          </ac:spMkLst>
        </pc:spChg>
      </pc:sldChg>
      <pc:sldChg chg="addSp modSp add mod modTransition modNotesTx">
        <pc:chgData name="Kinga Gniadek" userId="43cb074d-dcd1-4848-963b-d77b93284ad2" providerId="ADAL" clId="{F5658412-CB27-4EA0-9B91-5E2D686EE832}" dt="2022-12-02T10:06:08.733" v="16633"/>
        <pc:sldMkLst>
          <pc:docMk/>
          <pc:sldMk cId="1938067204" sldId="339"/>
        </pc:sldMkLst>
        <pc:spChg chg="add mod">
          <ac:chgData name="Kinga Gniadek" userId="43cb074d-dcd1-4848-963b-d77b93284ad2" providerId="ADAL" clId="{F5658412-CB27-4EA0-9B91-5E2D686EE832}" dt="2022-12-02T10:06:08.733" v="16633"/>
          <ac:spMkLst>
            <pc:docMk/>
            <pc:sldMk cId="1938067204" sldId="339"/>
            <ac:spMk id="8" creationId="{7A9D5495-105E-4291-A3EC-C5E14D519AA4}"/>
          </ac:spMkLst>
        </pc:spChg>
        <pc:spChg chg="mod">
          <ac:chgData name="Kinga Gniadek" userId="43cb074d-dcd1-4848-963b-d77b93284ad2" providerId="ADAL" clId="{F5658412-CB27-4EA0-9B91-5E2D686EE832}" dt="2022-12-02T10:06:08.421" v="16632" actId="20577"/>
          <ac:spMkLst>
            <pc:docMk/>
            <pc:sldMk cId="1938067204" sldId="339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2:58.350" v="16078" actId="113"/>
          <ac:spMkLst>
            <pc:docMk/>
            <pc:sldMk cId="1938067204" sldId="339"/>
            <ac:spMk id="14" creationId="{B6CA66AD-D631-4C5E-A924-BC952D4B4394}"/>
          </ac:spMkLst>
        </pc:spChg>
      </pc:sldChg>
      <pc:sldChg chg="addSp delSp modSp add mod modTransition modNotesTx">
        <pc:chgData name="Kinga Gniadek" userId="43cb074d-dcd1-4848-963b-d77b93284ad2" providerId="ADAL" clId="{F5658412-CB27-4EA0-9B91-5E2D686EE832}" dt="2022-12-01T07:29:30.159" v="16160" actId="20577"/>
        <pc:sldMkLst>
          <pc:docMk/>
          <pc:sldMk cId="3782316902" sldId="340"/>
        </pc:sldMkLst>
        <pc:spChg chg="del mod">
          <ac:chgData name="Kinga Gniadek" userId="43cb074d-dcd1-4848-963b-d77b93284ad2" providerId="ADAL" clId="{F5658412-CB27-4EA0-9B91-5E2D686EE832}" dt="2022-11-24T13:35:13.984" v="12509" actId="478"/>
          <ac:spMkLst>
            <pc:docMk/>
            <pc:sldMk cId="3782316902" sldId="340"/>
            <ac:spMk id="6" creationId="{47FF956E-2C7F-43E0-B4D2-86180E811C0C}"/>
          </ac:spMkLst>
        </pc:spChg>
        <pc:spChg chg="mod">
          <ac:chgData name="Kinga Gniadek" userId="43cb074d-dcd1-4848-963b-d77b93284ad2" providerId="ADAL" clId="{F5658412-CB27-4EA0-9B91-5E2D686EE832}" dt="2022-11-24T13:37:21.579" v="12526" actId="20577"/>
          <ac:spMkLst>
            <pc:docMk/>
            <pc:sldMk cId="3782316902" sldId="340"/>
            <ac:spMk id="12" creationId="{4FFB8876-A80B-45BF-B457-69F329D40EAB}"/>
          </ac:spMkLst>
        </pc:spChg>
        <pc:spChg chg="add mod">
          <ac:chgData name="Kinga Gniadek" userId="43cb074d-dcd1-4848-963b-d77b93284ad2" providerId="ADAL" clId="{F5658412-CB27-4EA0-9B91-5E2D686EE832}" dt="2022-12-01T07:29:17.493" v="16154" actId="20577"/>
          <ac:spMkLst>
            <pc:docMk/>
            <pc:sldMk cId="3782316902" sldId="340"/>
            <ac:spMk id="24" creationId="{3A465236-6C3F-4954-9C2F-A3ECD73CC549}"/>
          </ac:spMkLst>
        </pc:spChg>
        <pc:spChg chg="add mod">
          <ac:chgData name="Kinga Gniadek" userId="43cb074d-dcd1-4848-963b-d77b93284ad2" providerId="ADAL" clId="{F5658412-CB27-4EA0-9B91-5E2D686EE832}" dt="2022-12-01T07:29:30.159" v="16160" actId="20577"/>
          <ac:spMkLst>
            <pc:docMk/>
            <pc:sldMk cId="3782316902" sldId="340"/>
            <ac:spMk id="25" creationId="{60F15A7B-D294-4F18-BF2A-5EB9BB492A0B}"/>
          </ac:spMkLst>
        </pc:spChg>
        <pc:spChg chg="del">
          <ac:chgData name="Kinga Gniadek" userId="43cb074d-dcd1-4848-963b-d77b93284ad2" providerId="ADAL" clId="{F5658412-CB27-4EA0-9B91-5E2D686EE832}" dt="2022-11-24T13:11:57.838" v="12490" actId="478"/>
          <ac:spMkLst>
            <pc:docMk/>
            <pc:sldMk cId="3782316902" sldId="340"/>
            <ac:spMk id="30" creationId="{CAD399AF-9676-4FB2-ABAE-16BABEFCC26E}"/>
          </ac:spMkLst>
        </pc:spChg>
        <pc:spChg chg="del">
          <ac:chgData name="Kinga Gniadek" userId="43cb074d-dcd1-4848-963b-d77b93284ad2" providerId="ADAL" clId="{F5658412-CB27-4EA0-9B91-5E2D686EE832}" dt="2022-11-24T13:11:57.838" v="12490" actId="478"/>
          <ac:spMkLst>
            <pc:docMk/>
            <pc:sldMk cId="3782316902" sldId="340"/>
            <ac:spMk id="31" creationId="{D2FC7DA9-9173-4BA5-947F-643400911197}"/>
          </ac:spMkLst>
        </pc:spChg>
        <pc:spChg chg="del">
          <ac:chgData name="Kinga Gniadek" userId="43cb074d-dcd1-4848-963b-d77b93284ad2" providerId="ADAL" clId="{F5658412-CB27-4EA0-9B91-5E2D686EE832}" dt="2022-11-24T13:11:57.838" v="12490" actId="478"/>
          <ac:spMkLst>
            <pc:docMk/>
            <pc:sldMk cId="3782316902" sldId="340"/>
            <ac:spMk id="35" creationId="{0A80013E-0B72-416B-840D-728B4E755AB0}"/>
          </ac:spMkLst>
        </pc:spChg>
        <pc:spChg chg="del">
          <ac:chgData name="Kinga Gniadek" userId="43cb074d-dcd1-4848-963b-d77b93284ad2" providerId="ADAL" clId="{F5658412-CB27-4EA0-9B91-5E2D686EE832}" dt="2022-11-24T13:11:57.838" v="12490" actId="478"/>
          <ac:spMkLst>
            <pc:docMk/>
            <pc:sldMk cId="3782316902" sldId="340"/>
            <ac:spMk id="44" creationId="{5D7E3D0A-4718-40BB-BA15-E5FC730E563B}"/>
          </ac:spMkLst>
        </pc:spChg>
        <pc:spChg chg="del">
          <ac:chgData name="Kinga Gniadek" userId="43cb074d-dcd1-4848-963b-d77b93284ad2" providerId="ADAL" clId="{F5658412-CB27-4EA0-9B91-5E2D686EE832}" dt="2022-11-24T13:11:57.838" v="12490" actId="478"/>
          <ac:spMkLst>
            <pc:docMk/>
            <pc:sldMk cId="3782316902" sldId="340"/>
            <ac:spMk id="49" creationId="{1EEF22A8-9352-4C28-B68A-6D01376938CB}"/>
          </ac:spMkLst>
        </pc:spChg>
        <pc:spChg chg="del">
          <ac:chgData name="Kinga Gniadek" userId="43cb074d-dcd1-4848-963b-d77b93284ad2" providerId="ADAL" clId="{F5658412-CB27-4EA0-9B91-5E2D686EE832}" dt="2022-11-24T13:11:57.838" v="12490" actId="478"/>
          <ac:spMkLst>
            <pc:docMk/>
            <pc:sldMk cId="3782316902" sldId="340"/>
            <ac:spMk id="53" creationId="{3EAA28D5-C332-4A8E-B438-C588CBE82BDA}"/>
          </ac:spMkLst>
        </pc:spChg>
        <pc:grpChg chg="del">
          <ac:chgData name="Kinga Gniadek" userId="43cb074d-dcd1-4848-963b-d77b93284ad2" providerId="ADAL" clId="{F5658412-CB27-4EA0-9B91-5E2D686EE832}" dt="2022-11-24T13:11:45.614" v="12489" actId="478"/>
          <ac:grpSpMkLst>
            <pc:docMk/>
            <pc:sldMk cId="3782316902" sldId="340"/>
            <ac:grpSpMk id="3" creationId="{A13060D9-62E0-4BA9-85DA-727A27638918}"/>
          </ac:grpSpMkLst>
        </pc:grpChg>
        <pc:picChg chg="mod">
          <ac:chgData name="Kinga Gniadek" userId="43cb074d-dcd1-4848-963b-d77b93284ad2" providerId="ADAL" clId="{F5658412-CB27-4EA0-9B91-5E2D686EE832}" dt="2022-11-24T13:38:34.715" v="12535" actId="1076"/>
          <ac:picMkLst>
            <pc:docMk/>
            <pc:sldMk cId="3782316902" sldId="340"/>
            <ac:picMk id="10" creationId="{3DBEB729-1203-44C5-AFA2-B745B6A191BC}"/>
          </ac:picMkLst>
        </pc:picChg>
        <pc:picChg chg="add mod">
          <ac:chgData name="Kinga Gniadek" userId="43cb074d-dcd1-4848-963b-d77b93284ad2" providerId="ADAL" clId="{F5658412-CB27-4EA0-9B91-5E2D686EE832}" dt="2022-11-25T06:30:31.503" v="15053" actId="1076"/>
          <ac:picMkLst>
            <pc:docMk/>
            <pc:sldMk cId="3782316902" sldId="340"/>
            <ac:picMk id="4098" creationId="{E8063952-2D4F-4148-9AB2-29AEF357A4BC}"/>
          </ac:picMkLst>
        </pc:picChg>
        <pc:picChg chg="add mod">
          <ac:chgData name="Kinga Gniadek" userId="43cb074d-dcd1-4848-963b-d77b93284ad2" providerId="ADAL" clId="{F5658412-CB27-4EA0-9B91-5E2D686EE832}" dt="2022-11-25T06:30:51.314" v="15056" actId="14100"/>
          <ac:picMkLst>
            <pc:docMk/>
            <pc:sldMk cId="3782316902" sldId="340"/>
            <ac:picMk id="4100" creationId="{3546344B-CFDF-4D08-944F-E78585528587}"/>
          </ac:picMkLst>
        </pc:picChg>
        <pc:cxnChg chg="del mod">
          <ac:chgData name="Kinga Gniadek" userId="43cb074d-dcd1-4848-963b-d77b93284ad2" providerId="ADAL" clId="{F5658412-CB27-4EA0-9B91-5E2D686EE832}" dt="2022-11-24T13:11:57.838" v="12490" actId="478"/>
          <ac:cxnSpMkLst>
            <pc:docMk/>
            <pc:sldMk cId="3782316902" sldId="340"/>
            <ac:cxnSpMk id="7" creationId="{3C386E95-0EA3-4838-BCE7-12C01FB3E489}"/>
          </ac:cxnSpMkLst>
        </pc:cxnChg>
        <pc:cxnChg chg="del mod">
          <ac:chgData name="Kinga Gniadek" userId="43cb074d-dcd1-4848-963b-d77b93284ad2" providerId="ADAL" clId="{F5658412-CB27-4EA0-9B91-5E2D686EE832}" dt="2022-11-24T13:11:57.838" v="12490" actId="478"/>
          <ac:cxnSpMkLst>
            <pc:docMk/>
            <pc:sldMk cId="3782316902" sldId="340"/>
            <ac:cxnSpMk id="23" creationId="{636CC137-CF38-405F-91C6-AAE30EEFDC92}"/>
          </ac:cxnSpMkLst>
        </pc:cxnChg>
        <pc:cxnChg chg="del mod">
          <ac:chgData name="Kinga Gniadek" userId="43cb074d-dcd1-4848-963b-d77b93284ad2" providerId="ADAL" clId="{F5658412-CB27-4EA0-9B91-5E2D686EE832}" dt="2022-11-24T13:11:57.838" v="12490" actId="478"/>
          <ac:cxnSpMkLst>
            <pc:docMk/>
            <pc:sldMk cId="3782316902" sldId="340"/>
            <ac:cxnSpMk id="33" creationId="{6FCB66BD-EDF2-4D16-87D7-49C13ED8B762}"/>
          </ac:cxnSpMkLst>
        </pc:cxnChg>
        <pc:cxnChg chg="del mod">
          <ac:chgData name="Kinga Gniadek" userId="43cb074d-dcd1-4848-963b-d77b93284ad2" providerId="ADAL" clId="{F5658412-CB27-4EA0-9B91-5E2D686EE832}" dt="2022-11-24T13:11:57.838" v="12490" actId="478"/>
          <ac:cxnSpMkLst>
            <pc:docMk/>
            <pc:sldMk cId="3782316902" sldId="340"/>
            <ac:cxnSpMk id="37" creationId="{F1B559EB-293F-4272-80F2-8242C6382CF1}"/>
          </ac:cxnSpMkLst>
        </pc:cxnChg>
        <pc:cxnChg chg="del mod">
          <ac:chgData name="Kinga Gniadek" userId="43cb074d-dcd1-4848-963b-d77b93284ad2" providerId="ADAL" clId="{F5658412-CB27-4EA0-9B91-5E2D686EE832}" dt="2022-11-24T13:11:57.838" v="12490" actId="478"/>
          <ac:cxnSpMkLst>
            <pc:docMk/>
            <pc:sldMk cId="3782316902" sldId="340"/>
            <ac:cxnSpMk id="46" creationId="{87F72C7C-C917-4019-A90B-52B5BFE1D9AC}"/>
          </ac:cxnSpMkLst>
        </pc:cxnChg>
        <pc:cxnChg chg="del mod">
          <ac:chgData name="Kinga Gniadek" userId="43cb074d-dcd1-4848-963b-d77b93284ad2" providerId="ADAL" clId="{F5658412-CB27-4EA0-9B91-5E2D686EE832}" dt="2022-11-24T13:11:45.614" v="12489" actId="478"/>
          <ac:cxnSpMkLst>
            <pc:docMk/>
            <pc:sldMk cId="3782316902" sldId="340"/>
            <ac:cxnSpMk id="51" creationId="{28891754-0CA2-4220-8A19-F0D3E6A4D998}"/>
          </ac:cxnSpMkLst>
        </pc:cxnChg>
      </pc:sldChg>
      <pc:sldChg chg="addSp modSp add mod modTransition">
        <pc:chgData name="Kinga Gniadek" userId="43cb074d-dcd1-4848-963b-d77b93284ad2" providerId="ADAL" clId="{F5658412-CB27-4EA0-9B91-5E2D686EE832}" dt="2022-12-02T10:18:11.614" v="16673"/>
        <pc:sldMkLst>
          <pc:docMk/>
          <pc:sldMk cId="342573162" sldId="341"/>
        </pc:sldMkLst>
        <pc:spChg chg="add mod">
          <ac:chgData name="Kinga Gniadek" userId="43cb074d-dcd1-4848-963b-d77b93284ad2" providerId="ADAL" clId="{F5658412-CB27-4EA0-9B91-5E2D686EE832}" dt="2022-12-02T10:18:11.614" v="16673"/>
          <ac:spMkLst>
            <pc:docMk/>
            <pc:sldMk cId="342573162" sldId="341"/>
            <ac:spMk id="7" creationId="{7B795710-60A2-4D68-ADEB-F314FF7811CF}"/>
          </ac:spMkLst>
        </pc:spChg>
        <pc:spChg chg="mod">
          <ac:chgData name="Kinga Gniadek" userId="43cb074d-dcd1-4848-963b-d77b93284ad2" providerId="ADAL" clId="{F5658412-CB27-4EA0-9B91-5E2D686EE832}" dt="2022-12-01T07:29:01.951" v="16151" actId="20577"/>
          <ac:spMkLst>
            <pc:docMk/>
            <pc:sldMk cId="342573162" sldId="341"/>
            <ac:spMk id="14" creationId="{B6CA66AD-D631-4C5E-A924-BC952D4B4394}"/>
          </ac:spMkLst>
        </pc:spChg>
        <pc:picChg chg="add mod">
          <ac:chgData name="Kinga Gniadek" userId="43cb074d-dcd1-4848-963b-d77b93284ad2" providerId="ADAL" clId="{F5658412-CB27-4EA0-9B91-5E2D686EE832}" dt="2022-11-24T13:18:50.802" v="12507"/>
          <ac:picMkLst>
            <pc:docMk/>
            <pc:sldMk cId="342573162" sldId="341"/>
            <ac:picMk id="6" creationId="{98858903-F73C-49AB-A496-48D09A608008}"/>
          </ac:picMkLst>
        </pc:picChg>
      </pc:sldChg>
      <pc:sldChg chg="addSp delSp modSp add mod ord modTransition">
        <pc:chgData name="Kinga Gniadek" userId="43cb074d-dcd1-4848-963b-d77b93284ad2" providerId="ADAL" clId="{F5658412-CB27-4EA0-9B91-5E2D686EE832}" dt="2022-12-02T10:26:30.731" v="16710"/>
        <pc:sldMkLst>
          <pc:docMk/>
          <pc:sldMk cId="2633863598" sldId="342"/>
        </pc:sldMkLst>
        <pc:spChg chg="add mod">
          <ac:chgData name="Kinga Gniadek" userId="43cb074d-dcd1-4848-963b-d77b93284ad2" providerId="ADAL" clId="{F5658412-CB27-4EA0-9B91-5E2D686EE832}" dt="2022-12-02T10:26:30.731" v="16710"/>
          <ac:spMkLst>
            <pc:docMk/>
            <pc:sldMk cId="2633863598" sldId="342"/>
            <ac:spMk id="8" creationId="{EACFBF79-E1C4-4E2A-AA6C-FA3722EA5116}"/>
          </ac:spMkLst>
        </pc:spChg>
        <pc:spChg chg="mod">
          <ac:chgData name="Kinga Gniadek" userId="43cb074d-dcd1-4848-963b-d77b93284ad2" providerId="ADAL" clId="{F5658412-CB27-4EA0-9B91-5E2D686EE832}" dt="2022-11-24T14:19:03.618" v="14861" actId="20577"/>
          <ac:spMkLst>
            <pc:docMk/>
            <pc:sldMk cId="2633863598" sldId="342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31:46.271" v="16194" actId="33524"/>
          <ac:spMkLst>
            <pc:docMk/>
            <pc:sldMk cId="2633863598" sldId="342"/>
            <ac:spMk id="14" creationId="{B6CA66AD-D631-4C5E-A924-BC952D4B4394}"/>
          </ac:spMkLst>
        </pc:spChg>
        <pc:picChg chg="add mod">
          <ac:chgData name="Kinga Gniadek" userId="43cb074d-dcd1-4848-963b-d77b93284ad2" providerId="ADAL" clId="{F5658412-CB27-4EA0-9B91-5E2D686EE832}" dt="2022-11-24T14:20:29.953" v="14882" actId="1076"/>
          <ac:picMkLst>
            <pc:docMk/>
            <pc:sldMk cId="2633863598" sldId="342"/>
            <ac:picMk id="7" creationId="{C149187E-9B1A-454C-BF10-398A7BA91122}"/>
          </ac:picMkLst>
        </pc:picChg>
        <pc:picChg chg="del">
          <ac:chgData name="Kinga Gniadek" userId="43cb074d-dcd1-4848-963b-d77b93284ad2" providerId="ADAL" clId="{F5658412-CB27-4EA0-9B91-5E2D686EE832}" dt="2022-11-24T14:19:25.844" v="14868" actId="478"/>
          <ac:picMkLst>
            <pc:docMk/>
            <pc:sldMk cId="2633863598" sldId="342"/>
            <ac:picMk id="11" creationId="{0E576531-C57F-40D2-B1B9-E41B583CA182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26:31.481" v="16711"/>
        <pc:sldMkLst>
          <pc:docMk/>
          <pc:sldMk cId="2955266038" sldId="343"/>
        </pc:sldMkLst>
        <pc:spChg chg="add mod">
          <ac:chgData name="Kinga Gniadek" userId="43cb074d-dcd1-4848-963b-d77b93284ad2" providerId="ADAL" clId="{F5658412-CB27-4EA0-9B91-5E2D686EE832}" dt="2022-12-02T10:26:31.481" v="16711"/>
          <ac:spMkLst>
            <pc:docMk/>
            <pc:sldMk cId="2955266038" sldId="343"/>
            <ac:spMk id="7" creationId="{FA6951CF-8ECA-4FCB-96BB-19091765AAEC}"/>
          </ac:spMkLst>
        </pc:spChg>
        <pc:spChg chg="del">
          <ac:chgData name="Kinga Gniadek" userId="43cb074d-dcd1-4848-963b-d77b93284ad2" providerId="ADAL" clId="{F5658412-CB27-4EA0-9B91-5E2D686EE832}" dt="2022-11-24T14:21:21.671" v="14888" actId="478"/>
          <ac:spMkLst>
            <pc:docMk/>
            <pc:sldMk cId="2955266038" sldId="343"/>
            <ac:spMk id="14" creationId="{B6CA66AD-D631-4C5E-A924-BC952D4B4394}"/>
          </ac:spMkLst>
        </pc:spChg>
        <pc:picChg chg="del">
          <ac:chgData name="Kinga Gniadek" userId="43cb074d-dcd1-4848-963b-d77b93284ad2" providerId="ADAL" clId="{F5658412-CB27-4EA0-9B91-5E2D686EE832}" dt="2022-11-24T14:21:19.336" v="14887" actId="478"/>
          <ac:picMkLst>
            <pc:docMk/>
            <pc:sldMk cId="2955266038" sldId="343"/>
            <ac:picMk id="7" creationId="{C149187E-9B1A-454C-BF10-398A7BA91122}"/>
          </ac:picMkLst>
        </pc:picChg>
        <pc:picChg chg="add mod">
          <ac:chgData name="Kinga Gniadek" userId="43cb074d-dcd1-4848-963b-d77b93284ad2" providerId="ADAL" clId="{F5658412-CB27-4EA0-9B91-5E2D686EE832}" dt="2022-11-24T14:22:13.576" v="14898"/>
          <ac:picMkLst>
            <pc:docMk/>
            <pc:sldMk cId="2955266038" sldId="343"/>
            <ac:picMk id="8" creationId="{BCA0BD10-660F-4FD4-A86B-73ADB0189696}"/>
          </ac:picMkLst>
        </pc:picChg>
        <pc:picChg chg="add mod">
          <ac:chgData name="Kinga Gniadek" userId="43cb074d-dcd1-4848-963b-d77b93284ad2" providerId="ADAL" clId="{F5658412-CB27-4EA0-9B91-5E2D686EE832}" dt="2022-11-24T14:22:13.576" v="14898"/>
          <ac:picMkLst>
            <pc:docMk/>
            <pc:sldMk cId="2955266038" sldId="343"/>
            <ac:picMk id="9" creationId="{50B330F8-4CDA-4108-AB8B-1E9191FCFA70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1-24T14:27:32.402" v="14992"/>
        <pc:sldMkLst>
          <pc:docMk/>
          <pc:sldMk cId="4002805510" sldId="344"/>
        </pc:sldMkLst>
        <pc:picChg chg="add mod">
          <ac:chgData name="Kinga Gniadek" userId="43cb074d-dcd1-4848-963b-d77b93284ad2" providerId="ADAL" clId="{F5658412-CB27-4EA0-9B91-5E2D686EE832}" dt="2022-11-24T14:22:40.077" v="14903" actId="1076"/>
          <ac:picMkLst>
            <pc:docMk/>
            <pc:sldMk cId="4002805510" sldId="344"/>
            <ac:picMk id="7" creationId="{555996FF-15F2-4FC2-97FA-849EECBBCD16}"/>
          </ac:picMkLst>
        </pc:picChg>
        <pc:picChg chg="del">
          <ac:chgData name="Kinga Gniadek" userId="43cb074d-dcd1-4848-963b-d77b93284ad2" providerId="ADAL" clId="{F5658412-CB27-4EA0-9B91-5E2D686EE832}" dt="2022-11-24T14:22:26.928" v="14900" actId="478"/>
          <ac:picMkLst>
            <pc:docMk/>
            <pc:sldMk cId="4002805510" sldId="344"/>
            <ac:picMk id="8" creationId="{BCA0BD10-660F-4FD4-A86B-73ADB0189696}"/>
          </ac:picMkLst>
        </pc:picChg>
        <pc:picChg chg="del">
          <ac:chgData name="Kinga Gniadek" userId="43cb074d-dcd1-4848-963b-d77b93284ad2" providerId="ADAL" clId="{F5658412-CB27-4EA0-9B91-5E2D686EE832}" dt="2022-11-24T14:22:26.928" v="14900" actId="478"/>
          <ac:picMkLst>
            <pc:docMk/>
            <pc:sldMk cId="4002805510" sldId="344"/>
            <ac:picMk id="9" creationId="{50B330F8-4CDA-4108-AB8B-1E9191FCFA70}"/>
          </ac:picMkLst>
        </pc:picChg>
      </pc:sldChg>
      <pc:sldChg chg="addSp delSp modSp add mod ord modTransition">
        <pc:chgData name="Kinga Gniadek" userId="43cb074d-dcd1-4848-963b-d77b93284ad2" providerId="ADAL" clId="{F5658412-CB27-4EA0-9B91-5E2D686EE832}" dt="2022-12-02T10:26:32.654" v="16712"/>
        <pc:sldMkLst>
          <pc:docMk/>
          <pc:sldMk cId="2678793186" sldId="345"/>
        </pc:sldMkLst>
        <pc:spChg chg="add mod">
          <ac:chgData name="Kinga Gniadek" userId="43cb074d-dcd1-4848-963b-d77b93284ad2" providerId="ADAL" clId="{F5658412-CB27-4EA0-9B91-5E2D686EE832}" dt="2022-12-02T10:26:32.654" v="16712"/>
          <ac:spMkLst>
            <pc:docMk/>
            <pc:sldMk cId="2678793186" sldId="345"/>
            <ac:spMk id="7" creationId="{5D14B91D-2D84-4061-87EF-0E129A4C4A9D}"/>
          </ac:spMkLst>
        </pc:spChg>
        <pc:spChg chg="mod">
          <ac:chgData name="Kinga Gniadek" userId="43cb074d-dcd1-4848-963b-d77b93284ad2" providerId="ADAL" clId="{F5658412-CB27-4EA0-9B91-5E2D686EE832}" dt="2022-11-24T14:22:50.193" v="14912" actId="20577"/>
          <ac:spMkLst>
            <pc:docMk/>
            <pc:sldMk cId="2678793186" sldId="345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31:58.793" v="16196" actId="20577"/>
          <ac:spMkLst>
            <pc:docMk/>
            <pc:sldMk cId="2678793186" sldId="345"/>
            <ac:spMk id="14" creationId="{B6CA66AD-D631-4C5E-A924-BC952D4B4394}"/>
          </ac:spMkLst>
        </pc:spChg>
        <pc:picChg chg="del">
          <ac:chgData name="Kinga Gniadek" userId="43cb074d-dcd1-4848-963b-d77b93284ad2" providerId="ADAL" clId="{F5658412-CB27-4EA0-9B91-5E2D686EE832}" dt="2022-11-24T14:23:24.631" v="14922" actId="478"/>
          <ac:picMkLst>
            <pc:docMk/>
            <pc:sldMk cId="2678793186" sldId="345"/>
            <ac:picMk id="7" creationId="{C149187E-9B1A-454C-BF10-398A7BA91122}"/>
          </ac:picMkLst>
        </pc:picChg>
        <pc:picChg chg="add mod">
          <ac:chgData name="Kinga Gniadek" userId="43cb074d-dcd1-4848-963b-d77b93284ad2" providerId="ADAL" clId="{F5658412-CB27-4EA0-9B91-5E2D686EE832}" dt="2022-11-24T14:24:48.659" v="14940" actId="1076"/>
          <ac:picMkLst>
            <pc:docMk/>
            <pc:sldMk cId="2678793186" sldId="345"/>
            <ac:picMk id="8" creationId="{4E89297C-B82D-4540-ACA7-E2DFD9D18866}"/>
          </ac:picMkLst>
        </pc:picChg>
        <pc:picChg chg="mod">
          <ac:chgData name="Kinga Gniadek" userId="43cb074d-dcd1-4848-963b-d77b93284ad2" providerId="ADAL" clId="{F5658412-CB27-4EA0-9B91-5E2D686EE832}" dt="2022-11-24T14:25:06.753" v="14946" actId="1076"/>
          <ac:picMkLst>
            <pc:docMk/>
            <pc:sldMk cId="2678793186" sldId="345"/>
            <ac:picMk id="10" creationId="{3DBEB729-1203-44C5-AFA2-B745B6A191BC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26:34.052" v="16713"/>
        <pc:sldMkLst>
          <pc:docMk/>
          <pc:sldMk cId="3798198235" sldId="346"/>
        </pc:sldMkLst>
        <pc:spChg chg="add mod">
          <ac:chgData name="Kinga Gniadek" userId="43cb074d-dcd1-4848-963b-d77b93284ad2" providerId="ADAL" clId="{F5658412-CB27-4EA0-9B91-5E2D686EE832}" dt="2022-12-02T10:26:34.052" v="16713"/>
          <ac:spMkLst>
            <pc:docMk/>
            <pc:sldMk cId="3798198235" sldId="346"/>
            <ac:spMk id="6" creationId="{04BDE0B9-80F5-4293-981D-BE3E2D9E6154}"/>
          </ac:spMkLst>
        </pc:spChg>
        <pc:spChg chg="mod">
          <ac:chgData name="Kinga Gniadek" userId="43cb074d-dcd1-4848-963b-d77b93284ad2" providerId="ADAL" clId="{F5658412-CB27-4EA0-9B91-5E2D686EE832}" dt="2022-11-24T14:27:13.766" v="14990" actId="20577"/>
          <ac:spMkLst>
            <pc:docMk/>
            <pc:sldMk cId="3798198235" sldId="346"/>
            <ac:spMk id="12" creationId="{4FFB8876-A80B-45BF-B457-69F329D40EAB}"/>
          </ac:spMkLst>
        </pc:spChg>
        <pc:spChg chg="del">
          <ac:chgData name="Kinga Gniadek" userId="43cb074d-dcd1-4848-963b-d77b93284ad2" providerId="ADAL" clId="{F5658412-CB27-4EA0-9B91-5E2D686EE832}" dt="2022-11-24T14:25:38.204" v="14961" actId="478"/>
          <ac:spMkLst>
            <pc:docMk/>
            <pc:sldMk cId="3798198235" sldId="346"/>
            <ac:spMk id="14" creationId="{B6CA66AD-D631-4C5E-A924-BC952D4B4394}"/>
          </ac:spMkLst>
        </pc:spChg>
        <pc:picChg chg="add del mod">
          <ac:chgData name="Kinga Gniadek" userId="43cb074d-dcd1-4848-963b-d77b93284ad2" providerId="ADAL" clId="{F5658412-CB27-4EA0-9B91-5E2D686EE832}" dt="2022-11-24T14:25:41.923" v="14963"/>
          <ac:picMkLst>
            <pc:docMk/>
            <pc:sldMk cId="3798198235" sldId="346"/>
            <ac:picMk id="7" creationId="{25BDCC77-1AEC-49CA-8559-5FCA498EA8D3}"/>
          </ac:picMkLst>
        </pc:picChg>
        <pc:picChg chg="del">
          <ac:chgData name="Kinga Gniadek" userId="43cb074d-dcd1-4848-963b-d77b93284ad2" providerId="ADAL" clId="{F5658412-CB27-4EA0-9B91-5E2D686EE832}" dt="2022-11-24T14:25:37.143" v="14960" actId="478"/>
          <ac:picMkLst>
            <pc:docMk/>
            <pc:sldMk cId="3798198235" sldId="346"/>
            <ac:picMk id="8" creationId="{4E89297C-B82D-4540-ACA7-E2DFD9D18866}"/>
          </ac:picMkLst>
        </pc:picChg>
        <pc:picChg chg="add mod">
          <ac:chgData name="Kinga Gniadek" userId="43cb074d-dcd1-4848-963b-d77b93284ad2" providerId="ADAL" clId="{F5658412-CB27-4EA0-9B91-5E2D686EE832}" dt="2022-11-24T14:26:12.565" v="14982" actId="1076"/>
          <ac:picMkLst>
            <pc:docMk/>
            <pc:sldMk cId="3798198235" sldId="346"/>
            <ac:picMk id="9" creationId="{0AD4688E-8F17-4596-90D8-2820A3C6BE86}"/>
          </ac:picMkLst>
        </pc:picChg>
      </pc:sldChg>
      <pc:sldChg chg="addSp delSp modSp add mod modTransition">
        <pc:chgData name="Kinga Gniadek" userId="43cb074d-dcd1-4848-963b-d77b93284ad2" providerId="ADAL" clId="{F5658412-CB27-4EA0-9B91-5E2D686EE832}" dt="2022-12-02T10:26:34.797" v="16714"/>
        <pc:sldMkLst>
          <pc:docMk/>
          <pc:sldMk cId="2506540590" sldId="347"/>
        </pc:sldMkLst>
        <pc:spChg chg="add mod">
          <ac:chgData name="Kinga Gniadek" userId="43cb074d-dcd1-4848-963b-d77b93284ad2" providerId="ADAL" clId="{F5658412-CB27-4EA0-9B91-5E2D686EE832}" dt="2022-12-02T10:26:34.797" v="16714"/>
          <ac:spMkLst>
            <pc:docMk/>
            <pc:sldMk cId="2506540590" sldId="347"/>
            <ac:spMk id="7" creationId="{2FD13A52-105B-4283-B4C2-AFAF759EB1C5}"/>
          </ac:spMkLst>
        </pc:spChg>
        <pc:spChg chg="mod">
          <ac:chgData name="Kinga Gniadek" userId="43cb074d-dcd1-4848-963b-d77b93284ad2" providerId="ADAL" clId="{F5658412-CB27-4EA0-9B91-5E2D686EE832}" dt="2022-11-24T14:27:09.225" v="14987" actId="20577"/>
          <ac:spMkLst>
            <pc:docMk/>
            <pc:sldMk cId="2506540590" sldId="347"/>
            <ac:spMk id="12" creationId="{4FFB8876-A80B-45BF-B457-69F329D40EAB}"/>
          </ac:spMkLst>
        </pc:spChg>
        <pc:picChg chg="add mod">
          <ac:chgData name="Kinga Gniadek" userId="43cb074d-dcd1-4848-963b-d77b93284ad2" providerId="ADAL" clId="{F5658412-CB27-4EA0-9B91-5E2D686EE832}" dt="2022-11-24T14:27:05.568" v="14985" actId="1076"/>
          <ac:picMkLst>
            <pc:docMk/>
            <pc:sldMk cId="2506540590" sldId="347"/>
            <ac:picMk id="6" creationId="{99520BD1-500D-464A-BC9C-1A9BE2B0F7C2}"/>
          </ac:picMkLst>
        </pc:picChg>
        <pc:picChg chg="del">
          <ac:chgData name="Kinga Gniadek" userId="43cb074d-dcd1-4848-963b-d77b93284ad2" providerId="ADAL" clId="{F5658412-CB27-4EA0-9B91-5E2D686EE832}" dt="2022-11-24T14:26:01.315" v="14980" actId="478"/>
          <ac:picMkLst>
            <pc:docMk/>
            <pc:sldMk cId="2506540590" sldId="347"/>
            <ac:picMk id="9" creationId="{0AD4688E-8F17-4596-90D8-2820A3C6BE86}"/>
          </ac:picMkLst>
        </pc:picChg>
      </pc:sldChg>
      <pc:sldChg chg="modSp mod">
        <pc:chgData name="Kinga Gniadek" userId="43cb074d-dcd1-4848-963b-d77b93284ad2" providerId="ADAL" clId="{F5658412-CB27-4EA0-9B91-5E2D686EE832}" dt="2022-12-02T09:57:13.083" v="16562" actId="20577"/>
        <pc:sldMkLst>
          <pc:docMk/>
          <pc:sldMk cId="2687784262" sldId="348"/>
        </pc:sldMkLst>
        <pc:spChg chg="mod">
          <ac:chgData name="Kinga Gniadek" userId="43cb074d-dcd1-4848-963b-d77b93284ad2" providerId="ADAL" clId="{F5658412-CB27-4EA0-9B91-5E2D686EE832}" dt="2022-12-02T09:57:13.083" v="16562" actId="20577"/>
          <ac:spMkLst>
            <pc:docMk/>
            <pc:sldMk cId="2687784262" sldId="348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4:16.288" v="16091" actId="20577"/>
          <ac:spMkLst>
            <pc:docMk/>
            <pc:sldMk cId="2687784262" sldId="348"/>
            <ac:spMk id="14" creationId="{B6CA66AD-D631-4C5E-A924-BC952D4B4394}"/>
          </ac:spMkLst>
        </pc:spChg>
      </pc:sldChg>
      <pc:sldChg chg="modSp mod">
        <pc:chgData name="Kinga Gniadek" userId="43cb074d-dcd1-4848-963b-d77b93284ad2" providerId="ADAL" clId="{F5658412-CB27-4EA0-9B91-5E2D686EE832}" dt="2022-12-02T09:57:09.367" v="16558" actId="20577"/>
        <pc:sldMkLst>
          <pc:docMk/>
          <pc:sldMk cId="1750462366" sldId="349"/>
        </pc:sldMkLst>
        <pc:spChg chg="mod">
          <ac:chgData name="Kinga Gniadek" userId="43cb074d-dcd1-4848-963b-d77b93284ad2" providerId="ADAL" clId="{F5658412-CB27-4EA0-9B91-5E2D686EE832}" dt="2022-12-02T09:57:09.367" v="16558" actId="20577"/>
          <ac:spMkLst>
            <pc:docMk/>
            <pc:sldMk cId="1750462366" sldId="349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4:09.770" v="16089" actId="20577"/>
          <ac:spMkLst>
            <pc:docMk/>
            <pc:sldMk cId="1750462366" sldId="349"/>
            <ac:spMk id="14" creationId="{B6CA66AD-D631-4C5E-A924-BC952D4B4394}"/>
          </ac:spMkLst>
        </pc:spChg>
      </pc:sldChg>
      <pc:sldChg chg="modSp mod">
        <pc:chgData name="Kinga Gniadek" userId="43cb074d-dcd1-4848-963b-d77b93284ad2" providerId="ADAL" clId="{F5658412-CB27-4EA0-9B91-5E2D686EE832}" dt="2022-12-02T09:57:01.233" v="16550" actId="20577"/>
        <pc:sldMkLst>
          <pc:docMk/>
          <pc:sldMk cId="2688583000" sldId="350"/>
        </pc:sldMkLst>
        <pc:spChg chg="mod">
          <ac:chgData name="Kinga Gniadek" userId="43cb074d-dcd1-4848-963b-d77b93284ad2" providerId="ADAL" clId="{F5658412-CB27-4EA0-9B91-5E2D686EE832}" dt="2022-12-02T09:57:01.233" v="16550" actId="20577"/>
          <ac:spMkLst>
            <pc:docMk/>
            <pc:sldMk cId="2688583000" sldId="350"/>
            <ac:spMk id="9" creationId="{BC8328B3-46B9-814A-9805-A5626BF21769}"/>
          </ac:spMkLst>
        </pc:spChg>
      </pc:sldChg>
      <pc:sldChg chg="addSp delSp modSp add mod ord">
        <pc:chgData name="Kinga Gniadek" userId="43cb074d-dcd1-4848-963b-d77b93284ad2" providerId="ADAL" clId="{F5658412-CB27-4EA0-9B91-5E2D686EE832}" dt="2022-12-02T10:05:31.155" v="16619"/>
        <pc:sldMkLst>
          <pc:docMk/>
          <pc:sldMk cId="2350753966" sldId="351"/>
        </pc:sldMkLst>
        <pc:spChg chg="add mod">
          <ac:chgData name="Kinga Gniadek" userId="43cb074d-dcd1-4848-963b-d77b93284ad2" providerId="ADAL" clId="{F5658412-CB27-4EA0-9B91-5E2D686EE832}" dt="2022-12-02T10:05:31.155" v="16619"/>
          <ac:spMkLst>
            <pc:docMk/>
            <pc:sldMk cId="2350753966" sldId="351"/>
            <ac:spMk id="9" creationId="{F7922F25-CF6E-401B-9783-169976317776}"/>
          </ac:spMkLst>
        </pc:spChg>
        <pc:spChg chg="mod">
          <ac:chgData name="Kinga Gniadek" userId="43cb074d-dcd1-4848-963b-d77b93284ad2" providerId="ADAL" clId="{F5658412-CB27-4EA0-9B91-5E2D686EE832}" dt="2022-12-02T10:05:27.311" v="16618" actId="20577"/>
          <ac:spMkLst>
            <pc:docMk/>
            <pc:sldMk cId="2350753966" sldId="351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2T07:16:16.940" v="16432" actId="20577"/>
          <ac:spMkLst>
            <pc:docMk/>
            <pc:sldMk cId="2350753966" sldId="351"/>
            <ac:spMk id="14" creationId="{B6CA66AD-D631-4C5E-A924-BC952D4B4394}"/>
          </ac:spMkLst>
        </pc:spChg>
        <pc:picChg chg="del">
          <ac:chgData name="Kinga Gniadek" userId="43cb074d-dcd1-4848-963b-d77b93284ad2" providerId="ADAL" clId="{F5658412-CB27-4EA0-9B91-5E2D686EE832}" dt="2022-11-25T07:11:03.477" v="15072" actId="478"/>
          <ac:picMkLst>
            <pc:docMk/>
            <pc:sldMk cId="2350753966" sldId="351"/>
            <ac:picMk id="3" creationId="{16CA10FF-A78B-4F30-8EE5-63F99B3E3B8E}"/>
          </ac:picMkLst>
        </pc:picChg>
        <pc:picChg chg="del">
          <ac:chgData name="Kinga Gniadek" userId="43cb074d-dcd1-4848-963b-d77b93284ad2" providerId="ADAL" clId="{F5658412-CB27-4EA0-9B91-5E2D686EE832}" dt="2022-11-25T07:11:01.746" v="15071" actId="478"/>
          <ac:picMkLst>
            <pc:docMk/>
            <pc:sldMk cId="2350753966" sldId="351"/>
            <ac:picMk id="8" creationId="{D59167CB-7F64-4B67-8066-A9FC9B9D22AD}"/>
          </ac:picMkLst>
        </pc:picChg>
      </pc:sldChg>
      <pc:sldChg chg="modSp del mod">
        <pc:chgData name="Kinga Gniadek" userId="43cb074d-dcd1-4848-963b-d77b93284ad2" providerId="ADAL" clId="{F5658412-CB27-4EA0-9B91-5E2D686EE832}" dt="2022-12-01T07:32:10.461" v="16197" actId="47"/>
        <pc:sldMkLst>
          <pc:docMk/>
          <pc:sldMk cId="1751494603" sldId="352"/>
        </pc:sldMkLst>
        <pc:spChg chg="mod">
          <ac:chgData name="Kinga Gniadek" userId="43cb074d-dcd1-4848-963b-d77b93284ad2" providerId="ADAL" clId="{F5658412-CB27-4EA0-9B91-5E2D686EE832}" dt="2022-12-01T07:13:16.577" v="15968" actId="108"/>
          <ac:spMkLst>
            <pc:docMk/>
            <pc:sldMk cId="1751494603" sldId="352"/>
            <ac:spMk id="4" creationId="{24DCDA75-285B-3CE7-F7ED-8F810E856E09}"/>
          </ac:spMkLst>
        </pc:spChg>
      </pc:sldChg>
      <pc:sldChg chg="addSp delSp modSp add del mod ord modShow">
        <pc:chgData name="Kinga Gniadek" userId="43cb074d-dcd1-4848-963b-d77b93284ad2" providerId="ADAL" clId="{F5658412-CB27-4EA0-9B91-5E2D686EE832}" dt="2022-11-25T07:26:27.861" v="15263" actId="47"/>
        <pc:sldMkLst>
          <pc:docMk/>
          <pc:sldMk cId="2131003386" sldId="352"/>
        </pc:sldMkLst>
        <pc:spChg chg="mod">
          <ac:chgData name="Kinga Gniadek" userId="43cb074d-dcd1-4848-963b-d77b93284ad2" providerId="ADAL" clId="{F5658412-CB27-4EA0-9B91-5E2D686EE832}" dt="2022-11-25T07:12:29.472" v="15141" actId="20577"/>
          <ac:spMkLst>
            <pc:docMk/>
            <pc:sldMk cId="2131003386" sldId="352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1-25T07:16:25.561" v="15179" actId="20577"/>
          <ac:spMkLst>
            <pc:docMk/>
            <pc:sldMk cId="2131003386" sldId="352"/>
            <ac:spMk id="14" creationId="{B6CA66AD-D631-4C5E-A924-BC952D4B4394}"/>
          </ac:spMkLst>
        </pc:spChg>
        <pc:spChg chg="mod">
          <ac:chgData name="Kinga Gniadek" userId="43cb074d-dcd1-4848-963b-d77b93284ad2" providerId="ADAL" clId="{F5658412-CB27-4EA0-9B91-5E2D686EE832}" dt="2022-11-25T07:19:36.242" v="15214" actId="207"/>
          <ac:spMkLst>
            <pc:docMk/>
            <pc:sldMk cId="2131003386" sldId="352"/>
            <ac:spMk id="15" creationId="{4B7010BE-C963-44B5-BA09-4B0665340F6B}"/>
          </ac:spMkLst>
        </pc:spChg>
        <pc:picChg chg="del">
          <ac:chgData name="Kinga Gniadek" userId="43cb074d-dcd1-4848-963b-d77b93284ad2" providerId="ADAL" clId="{F5658412-CB27-4EA0-9B91-5E2D686EE832}" dt="2022-11-25T07:11:56.923" v="15092" actId="478"/>
          <ac:picMkLst>
            <pc:docMk/>
            <pc:sldMk cId="2131003386" sldId="352"/>
            <ac:picMk id="3" creationId="{D7D00C8D-F743-FCE5-7B1D-7BB46E76249D}"/>
          </ac:picMkLst>
        </pc:picChg>
        <pc:picChg chg="add del mod">
          <ac:chgData name="Kinga Gniadek" userId="43cb074d-dcd1-4848-963b-d77b93284ad2" providerId="ADAL" clId="{F5658412-CB27-4EA0-9B91-5E2D686EE832}" dt="2022-11-25T07:17:42.421" v="15192" actId="478"/>
          <ac:picMkLst>
            <pc:docMk/>
            <pc:sldMk cId="2131003386" sldId="352"/>
            <ac:picMk id="4" creationId="{215CA850-DEFD-4647-B32E-6CED03434299}"/>
          </ac:picMkLst>
        </pc:picChg>
        <pc:picChg chg="add del mod">
          <ac:chgData name="Kinga Gniadek" userId="43cb074d-dcd1-4848-963b-d77b93284ad2" providerId="ADAL" clId="{F5658412-CB27-4EA0-9B91-5E2D686EE832}" dt="2022-11-25T07:18:33.483" v="15198" actId="21"/>
          <ac:picMkLst>
            <pc:docMk/>
            <pc:sldMk cId="2131003386" sldId="352"/>
            <ac:picMk id="6" creationId="{815D3805-EF36-497B-9E75-170C92742399}"/>
          </ac:picMkLst>
        </pc:picChg>
        <pc:picChg chg="add mod">
          <ac:chgData name="Kinga Gniadek" userId="43cb074d-dcd1-4848-963b-d77b93284ad2" providerId="ADAL" clId="{F5658412-CB27-4EA0-9B91-5E2D686EE832}" dt="2022-11-25T07:19:26.295" v="15211" actId="14100"/>
          <ac:picMkLst>
            <pc:docMk/>
            <pc:sldMk cId="2131003386" sldId="352"/>
            <ac:picMk id="9" creationId="{704C6AD2-AC86-4884-B516-8DEC161DD5AB}"/>
          </ac:picMkLst>
        </pc:picChg>
        <pc:picChg chg="del">
          <ac:chgData name="Kinga Gniadek" userId="43cb074d-dcd1-4848-963b-d77b93284ad2" providerId="ADAL" clId="{F5658412-CB27-4EA0-9B91-5E2D686EE832}" dt="2022-11-25T07:12:10.663" v="15096" actId="478"/>
          <ac:picMkLst>
            <pc:docMk/>
            <pc:sldMk cId="2131003386" sldId="352"/>
            <ac:picMk id="16" creationId="{EDCAD5CF-B09B-45C6-B7A7-24F8BF78673D}"/>
          </ac:picMkLst>
        </pc:picChg>
        <pc:picChg chg="add del mod">
          <ac:chgData name="Kinga Gniadek" userId="43cb074d-dcd1-4848-963b-d77b93284ad2" providerId="ADAL" clId="{F5658412-CB27-4EA0-9B91-5E2D686EE832}" dt="2022-11-25T07:19:32.999" v="15213" actId="478"/>
          <ac:picMkLst>
            <pc:docMk/>
            <pc:sldMk cId="2131003386" sldId="352"/>
            <ac:picMk id="17" creationId="{B0C3F75E-22AF-4246-966E-26AE4BB1077C}"/>
          </ac:picMkLst>
        </pc:picChg>
      </pc:sldChg>
      <pc:sldChg chg="addSp delSp modSp add del mod modShow">
        <pc:chgData name="Kinga Gniadek" userId="43cb074d-dcd1-4848-963b-d77b93284ad2" providerId="ADAL" clId="{F5658412-CB27-4EA0-9B91-5E2D686EE832}" dt="2022-11-25T07:27:52.681" v="15270" actId="47"/>
        <pc:sldMkLst>
          <pc:docMk/>
          <pc:sldMk cId="312209212" sldId="353"/>
        </pc:sldMkLst>
        <pc:spChg chg="mod ord">
          <ac:chgData name="Kinga Gniadek" userId="43cb074d-dcd1-4848-963b-d77b93284ad2" providerId="ADAL" clId="{F5658412-CB27-4EA0-9B91-5E2D686EE832}" dt="2022-11-25T07:21:45.133" v="15262" actId="1076"/>
          <ac:spMkLst>
            <pc:docMk/>
            <pc:sldMk cId="312209212" sldId="353"/>
            <ac:spMk id="5" creationId="{4C1A252A-149B-FF9B-7B53-10F2A1AF0A66}"/>
          </ac:spMkLst>
        </pc:spChg>
        <pc:spChg chg="mod">
          <ac:chgData name="Kinga Gniadek" userId="43cb074d-dcd1-4848-963b-d77b93284ad2" providerId="ADAL" clId="{F5658412-CB27-4EA0-9B91-5E2D686EE832}" dt="2022-11-25T07:26:34.414" v="15269" actId="20577"/>
          <ac:spMkLst>
            <pc:docMk/>
            <pc:sldMk cId="312209212" sldId="353"/>
            <ac:spMk id="12" creationId="{4FFB8876-A80B-45BF-B457-69F329D40EAB}"/>
          </ac:spMkLst>
        </pc:spChg>
        <pc:spChg chg="add mod">
          <ac:chgData name="Kinga Gniadek" userId="43cb074d-dcd1-4848-963b-d77b93284ad2" providerId="ADAL" clId="{F5658412-CB27-4EA0-9B91-5E2D686EE832}" dt="2022-11-25T07:21:21.628" v="15257" actId="1076"/>
          <ac:spMkLst>
            <pc:docMk/>
            <pc:sldMk cId="312209212" sldId="353"/>
            <ac:spMk id="16" creationId="{BB06709D-1446-472D-89E9-42B4673C66EA}"/>
          </ac:spMkLst>
        </pc:spChg>
        <pc:grpChg chg="del">
          <ac:chgData name="Kinga Gniadek" userId="43cb074d-dcd1-4848-963b-d77b93284ad2" providerId="ADAL" clId="{F5658412-CB27-4EA0-9B91-5E2D686EE832}" dt="2022-11-25T07:20:40.176" v="15241" actId="478"/>
          <ac:grpSpMkLst>
            <pc:docMk/>
            <pc:sldMk cId="312209212" sldId="353"/>
            <ac:grpSpMk id="4" creationId="{206F47D3-ED08-BBA5-EDB6-15D15EB8C1DE}"/>
          </ac:grpSpMkLst>
        </pc:grpChg>
        <pc:picChg chg="del">
          <ac:chgData name="Kinga Gniadek" userId="43cb074d-dcd1-4848-963b-d77b93284ad2" providerId="ADAL" clId="{F5658412-CB27-4EA0-9B91-5E2D686EE832}" dt="2022-11-25T07:20:40.176" v="15241" actId="478"/>
          <ac:picMkLst>
            <pc:docMk/>
            <pc:sldMk cId="312209212" sldId="353"/>
            <ac:picMk id="7" creationId="{AF378E94-B71C-293F-6211-34DD1989638A}"/>
          </ac:picMkLst>
        </pc:picChg>
        <pc:picChg chg="mod ord">
          <ac:chgData name="Kinga Gniadek" userId="43cb074d-dcd1-4848-963b-d77b93284ad2" providerId="ADAL" clId="{F5658412-CB27-4EA0-9B91-5E2D686EE832}" dt="2022-11-25T07:21:27.782" v="15259" actId="171"/>
          <ac:picMkLst>
            <pc:docMk/>
            <pc:sldMk cId="312209212" sldId="353"/>
            <ac:picMk id="14" creationId="{6F022580-8D21-4069-A5BA-2DCEFCC15BC3}"/>
          </ac:picMkLst>
        </pc:picChg>
        <pc:picChg chg="mod">
          <ac:chgData name="Kinga Gniadek" userId="43cb074d-dcd1-4848-963b-d77b93284ad2" providerId="ADAL" clId="{F5658412-CB27-4EA0-9B91-5E2D686EE832}" dt="2022-11-25T07:21:14.317" v="15256" actId="1076"/>
          <ac:picMkLst>
            <pc:docMk/>
            <pc:sldMk cId="312209212" sldId="353"/>
            <ac:picMk id="15" creationId="{BEF8BEE7-ADD4-48A6-BE2D-142F926460D4}"/>
          </ac:picMkLst>
        </pc:picChg>
      </pc:sldChg>
      <pc:sldChg chg="modSp mod">
        <pc:chgData name="Kinga Gniadek" userId="43cb074d-dcd1-4848-963b-d77b93284ad2" providerId="ADAL" clId="{F5658412-CB27-4EA0-9B91-5E2D686EE832}" dt="2022-12-02T09:57:05.541" v="16554" actId="20577"/>
        <pc:sldMkLst>
          <pc:docMk/>
          <pc:sldMk cId="2302943270" sldId="353"/>
        </pc:sldMkLst>
        <pc:spChg chg="mod">
          <ac:chgData name="Kinga Gniadek" userId="43cb074d-dcd1-4848-963b-d77b93284ad2" providerId="ADAL" clId="{F5658412-CB27-4EA0-9B91-5E2D686EE832}" dt="2022-12-02T09:57:05.541" v="16554" actId="20577"/>
          <ac:spMkLst>
            <pc:docMk/>
            <pc:sldMk cId="2302943270" sldId="353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4:04.654" v="16087" actId="20577"/>
          <ac:spMkLst>
            <pc:docMk/>
            <pc:sldMk cId="2302943270" sldId="353"/>
            <ac:spMk id="14" creationId="{B6CA66AD-D631-4C5E-A924-BC952D4B4394}"/>
          </ac:spMkLst>
        </pc:spChg>
      </pc:sldChg>
      <pc:sldChg chg="addSp modSp mod">
        <pc:chgData name="Kinga Gniadek" userId="43cb074d-dcd1-4848-963b-d77b93284ad2" providerId="ADAL" clId="{F5658412-CB27-4EA0-9B91-5E2D686EE832}" dt="2022-12-02T10:06:33.149" v="16641"/>
        <pc:sldMkLst>
          <pc:docMk/>
          <pc:sldMk cId="3524012516" sldId="354"/>
        </pc:sldMkLst>
        <pc:spChg chg="add mod">
          <ac:chgData name="Kinga Gniadek" userId="43cb074d-dcd1-4848-963b-d77b93284ad2" providerId="ADAL" clId="{F5658412-CB27-4EA0-9B91-5E2D686EE832}" dt="2022-12-02T10:06:33.149" v="16641"/>
          <ac:spMkLst>
            <pc:docMk/>
            <pc:sldMk cId="3524012516" sldId="354"/>
            <ac:spMk id="5" creationId="{0A8C7AFA-820C-4C80-9FF8-6C146F552C80}"/>
          </ac:spMkLst>
        </pc:spChg>
        <pc:spChg chg="mod">
          <ac:chgData name="Kinga Gniadek" userId="43cb074d-dcd1-4848-963b-d77b93284ad2" providerId="ADAL" clId="{F5658412-CB27-4EA0-9B91-5E2D686EE832}" dt="2022-12-01T07:20:34.392" v="16031" actId="20577"/>
          <ac:spMkLst>
            <pc:docMk/>
            <pc:sldMk cId="3524012516" sldId="354"/>
            <ac:spMk id="9" creationId="{BC8328B3-46B9-814A-9805-A5626BF21769}"/>
          </ac:spMkLst>
        </pc:spChg>
      </pc:sldChg>
      <pc:sldChg chg="addSp delSp modSp mod">
        <pc:chgData name="Kinga Gniadek" userId="43cb074d-dcd1-4848-963b-d77b93284ad2" providerId="ADAL" clId="{F5658412-CB27-4EA0-9B91-5E2D686EE832}" dt="2022-12-01T07:33:31.759" v="16217"/>
        <pc:sldMkLst>
          <pc:docMk/>
          <pc:sldMk cId="2957711237" sldId="355"/>
        </pc:sldMkLst>
        <pc:picChg chg="mod">
          <ac:chgData name="Kinga Gniadek" userId="43cb074d-dcd1-4848-963b-d77b93284ad2" providerId="ADAL" clId="{F5658412-CB27-4EA0-9B91-5E2D686EE832}" dt="2022-12-01T07:33:30.609" v="16216" actId="14100"/>
          <ac:picMkLst>
            <pc:docMk/>
            <pc:sldMk cId="2957711237" sldId="355"/>
            <ac:picMk id="4" creationId="{3C21CEEA-1BC1-DDB6-AC27-4A99C2589074}"/>
          </ac:picMkLst>
        </pc:picChg>
        <pc:picChg chg="add del mod">
          <ac:chgData name="Kinga Gniadek" userId="43cb074d-dcd1-4848-963b-d77b93284ad2" providerId="ADAL" clId="{F5658412-CB27-4EA0-9B91-5E2D686EE832}" dt="2022-12-01T07:33:31.759" v="16217"/>
          <ac:picMkLst>
            <pc:docMk/>
            <pc:sldMk cId="2957711237" sldId="355"/>
            <ac:picMk id="5" creationId="{56E4ED2F-0916-459D-8912-1F22A95FD095}"/>
          </ac:picMkLst>
        </pc:picChg>
      </pc:sldChg>
      <pc:sldChg chg="addSp modSp mod">
        <pc:chgData name="Kinga Gniadek" userId="43cb074d-dcd1-4848-963b-d77b93284ad2" providerId="ADAL" clId="{F5658412-CB27-4EA0-9B91-5E2D686EE832}" dt="2022-12-02T10:24:55.232" v="16690" actId="1076"/>
        <pc:sldMkLst>
          <pc:docMk/>
          <pc:sldMk cId="2628259242" sldId="356"/>
        </pc:sldMkLst>
        <pc:spChg chg="add mod">
          <ac:chgData name="Kinga Gniadek" userId="43cb074d-dcd1-4848-963b-d77b93284ad2" providerId="ADAL" clId="{F5658412-CB27-4EA0-9B91-5E2D686EE832}" dt="2022-12-02T10:24:55.232" v="16690" actId="1076"/>
          <ac:spMkLst>
            <pc:docMk/>
            <pc:sldMk cId="2628259242" sldId="356"/>
            <ac:spMk id="8" creationId="{42BB9A99-C80D-4C2C-9EC7-30D6A3EAA4E9}"/>
          </ac:spMkLst>
        </pc:spChg>
        <pc:graphicFrameChg chg="modGraphic">
          <ac:chgData name="Kinga Gniadek" userId="43cb074d-dcd1-4848-963b-d77b93284ad2" providerId="ADAL" clId="{F5658412-CB27-4EA0-9B91-5E2D686EE832}" dt="2022-12-02T10:24:50.721" v="16687" actId="14100"/>
          <ac:graphicFrameMkLst>
            <pc:docMk/>
            <pc:sldMk cId="2628259242" sldId="356"/>
            <ac:graphicFrameMk id="2" creationId="{C73CA138-ED97-40BC-0A94-EC6657FC7642}"/>
          </ac:graphicFrameMkLst>
        </pc:graphicFrameChg>
      </pc:sldChg>
      <pc:sldChg chg="addSp delSp modSp add mod">
        <pc:chgData name="Kinga Gniadek" userId="43cb074d-dcd1-4848-963b-d77b93284ad2" providerId="ADAL" clId="{F5658412-CB27-4EA0-9B91-5E2D686EE832}" dt="2022-12-02T10:26:20.247" v="16706"/>
        <pc:sldMkLst>
          <pc:docMk/>
          <pc:sldMk cId="1759048658" sldId="357"/>
        </pc:sldMkLst>
        <pc:spChg chg="add del">
          <ac:chgData name="Kinga Gniadek" userId="43cb074d-dcd1-4848-963b-d77b93284ad2" providerId="ADAL" clId="{F5658412-CB27-4EA0-9B91-5E2D686EE832}" dt="2022-11-29T10:21:49.530" v="15681"/>
          <ac:spMkLst>
            <pc:docMk/>
            <pc:sldMk cId="1759048658" sldId="357"/>
            <ac:spMk id="2" creationId="{E7BCA5D7-8005-4DAC-B59A-CD4C06E81B32}"/>
          </ac:spMkLst>
        </pc:spChg>
        <pc:spChg chg="add del">
          <ac:chgData name="Kinga Gniadek" userId="43cb074d-dcd1-4848-963b-d77b93284ad2" providerId="ADAL" clId="{F5658412-CB27-4EA0-9B91-5E2D686EE832}" dt="2022-11-29T10:23:32.812" v="15807"/>
          <ac:spMkLst>
            <pc:docMk/>
            <pc:sldMk cId="1759048658" sldId="357"/>
            <ac:spMk id="3" creationId="{E63557DA-0AD0-4648-A92B-DDD36F57B347}"/>
          </ac:spMkLst>
        </pc:spChg>
        <pc:spChg chg="add del">
          <ac:chgData name="Kinga Gniadek" userId="43cb074d-dcd1-4848-963b-d77b93284ad2" providerId="ADAL" clId="{F5658412-CB27-4EA0-9B91-5E2D686EE832}" dt="2022-11-29T10:23:35.636" v="15809"/>
          <ac:spMkLst>
            <pc:docMk/>
            <pc:sldMk cId="1759048658" sldId="357"/>
            <ac:spMk id="4" creationId="{203D5D7D-AD73-488D-BF36-DEF0B20C9E67}"/>
          </ac:spMkLst>
        </pc:spChg>
        <pc:spChg chg="add del">
          <ac:chgData name="Kinga Gniadek" userId="43cb074d-dcd1-4848-963b-d77b93284ad2" providerId="ADAL" clId="{F5658412-CB27-4EA0-9B91-5E2D686EE832}" dt="2022-11-29T10:23:40.619" v="15811"/>
          <ac:spMkLst>
            <pc:docMk/>
            <pc:sldMk cId="1759048658" sldId="357"/>
            <ac:spMk id="5" creationId="{09799015-F619-4157-99B9-0E7CBF4DDDFD}"/>
          </ac:spMkLst>
        </pc:spChg>
        <pc:spChg chg="add mod">
          <ac:chgData name="Kinga Gniadek" userId="43cb074d-dcd1-4848-963b-d77b93284ad2" providerId="ADAL" clId="{F5658412-CB27-4EA0-9B91-5E2D686EE832}" dt="2022-12-02T10:26:20.247" v="16706"/>
          <ac:spMkLst>
            <pc:docMk/>
            <pc:sldMk cId="1759048658" sldId="357"/>
            <ac:spMk id="7" creationId="{CDFB2778-ECDB-474C-8610-DE03A9C860EE}"/>
          </ac:spMkLst>
        </pc:spChg>
        <pc:spChg chg="mod">
          <ac:chgData name="Kinga Gniadek" userId="43cb074d-dcd1-4848-963b-d77b93284ad2" providerId="ADAL" clId="{F5658412-CB27-4EA0-9B91-5E2D686EE832}" dt="2022-11-29T10:18:50.313" v="15307" actId="20577"/>
          <ac:spMkLst>
            <pc:docMk/>
            <pc:sldMk cId="1759048658" sldId="357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31:28.406" v="16193" actId="114"/>
          <ac:spMkLst>
            <pc:docMk/>
            <pc:sldMk cId="1759048658" sldId="357"/>
            <ac:spMk id="14" creationId="{B6CA66AD-D631-4C5E-A924-BC952D4B4394}"/>
          </ac:spMkLst>
        </pc:spChg>
        <pc:picChg chg="mod">
          <ac:chgData name="Kinga Gniadek" userId="43cb074d-dcd1-4848-963b-d77b93284ad2" providerId="ADAL" clId="{F5658412-CB27-4EA0-9B91-5E2D686EE832}" dt="2022-11-29T10:24:09.744" v="15833" actId="1076"/>
          <ac:picMkLst>
            <pc:docMk/>
            <pc:sldMk cId="1759048658" sldId="357"/>
            <ac:picMk id="11" creationId="{0E576531-C57F-40D2-B1B9-E41B583CA182}"/>
          </ac:picMkLst>
        </pc:picChg>
      </pc:sldChg>
      <pc:sldChg chg="addSp delSp modSp add mod setBg">
        <pc:chgData name="Kinga Gniadek" userId="43cb074d-dcd1-4848-963b-d77b93284ad2" providerId="ADAL" clId="{F5658412-CB27-4EA0-9B91-5E2D686EE832}" dt="2022-12-02T10:26:21.266" v="16707"/>
        <pc:sldMkLst>
          <pc:docMk/>
          <pc:sldMk cId="4173971635" sldId="358"/>
        </pc:sldMkLst>
        <pc:spChg chg="add mod">
          <ac:chgData name="Kinga Gniadek" userId="43cb074d-dcd1-4848-963b-d77b93284ad2" providerId="ADAL" clId="{F5658412-CB27-4EA0-9B91-5E2D686EE832}" dt="2022-12-02T10:26:21.266" v="16707"/>
          <ac:spMkLst>
            <pc:docMk/>
            <pc:sldMk cId="4173971635" sldId="358"/>
            <ac:spMk id="6" creationId="{87715617-E8E5-408E-970F-47E443E3710B}"/>
          </ac:spMkLst>
        </pc:spChg>
        <pc:spChg chg="mod">
          <ac:chgData name="Kinga Gniadek" userId="43cb074d-dcd1-4848-963b-d77b93284ad2" providerId="ADAL" clId="{F5658412-CB27-4EA0-9B91-5E2D686EE832}" dt="2022-11-29T10:38:19.420" v="15931" actId="20577"/>
          <ac:spMkLst>
            <pc:docMk/>
            <pc:sldMk cId="4173971635" sldId="358"/>
            <ac:spMk id="12" creationId="{4FFB8876-A80B-45BF-B457-69F329D40EAB}"/>
          </ac:spMkLst>
        </pc:spChg>
        <pc:spChg chg="del">
          <ac:chgData name="Kinga Gniadek" userId="43cb074d-dcd1-4848-963b-d77b93284ad2" providerId="ADAL" clId="{F5658412-CB27-4EA0-9B91-5E2D686EE832}" dt="2022-11-29T10:27:13.067" v="15916" actId="478"/>
          <ac:spMkLst>
            <pc:docMk/>
            <pc:sldMk cId="4173971635" sldId="358"/>
            <ac:spMk id="14" creationId="{B6CA66AD-D631-4C5E-A924-BC952D4B4394}"/>
          </ac:spMkLst>
        </pc:spChg>
        <pc:spChg chg="add del">
          <ac:chgData name="Kinga Gniadek" userId="43cb074d-dcd1-4848-963b-d77b93284ad2" providerId="ADAL" clId="{F5658412-CB27-4EA0-9B91-5E2D686EE832}" dt="2022-11-29T10:38:02.701" v="15921" actId="26606"/>
          <ac:spMkLst>
            <pc:docMk/>
            <pc:sldMk cId="4173971635" sldId="358"/>
            <ac:spMk id="18" creationId="{27BDFED6-6E33-4606-AFE2-886ADB1C018E}"/>
          </ac:spMkLst>
        </pc:spChg>
        <pc:spChg chg="add del">
          <ac:chgData name="Kinga Gniadek" userId="43cb074d-dcd1-4848-963b-d77b93284ad2" providerId="ADAL" clId="{F5658412-CB27-4EA0-9B91-5E2D686EE832}" dt="2022-11-29T10:38:02.701" v="15921" actId="26606"/>
          <ac:spMkLst>
            <pc:docMk/>
            <pc:sldMk cId="4173971635" sldId="358"/>
            <ac:spMk id="20" creationId="{890DEF05-784E-4B61-89E4-04C4ECF4E5A0}"/>
          </ac:spMkLst>
        </pc:spChg>
        <pc:picChg chg="add del mod ord">
          <ac:chgData name="Kinga Gniadek" userId="43cb074d-dcd1-4848-963b-d77b93284ad2" providerId="ADAL" clId="{F5658412-CB27-4EA0-9B91-5E2D686EE832}" dt="2022-11-29T11:00:21.565" v="15932" actId="478"/>
          <ac:picMkLst>
            <pc:docMk/>
            <pc:sldMk cId="4173971635" sldId="358"/>
            <ac:picMk id="3" creationId="{A2F94808-7799-4262-BAC9-FBBBAA7D9281}"/>
          </ac:picMkLst>
        </pc:picChg>
        <pc:picChg chg="add mod">
          <ac:chgData name="Kinga Gniadek" userId="43cb074d-dcd1-4848-963b-d77b93284ad2" providerId="ADAL" clId="{F5658412-CB27-4EA0-9B91-5E2D686EE832}" dt="2022-11-29T12:23:14.190" v="15934" actId="1076"/>
          <ac:picMkLst>
            <pc:docMk/>
            <pc:sldMk cId="4173971635" sldId="358"/>
            <ac:picMk id="5" creationId="{2160185B-EBAC-447E-BEC0-4F34D91ECC8C}"/>
          </ac:picMkLst>
        </pc:picChg>
        <pc:picChg chg="mod">
          <ac:chgData name="Kinga Gniadek" userId="43cb074d-dcd1-4848-963b-d77b93284ad2" providerId="ADAL" clId="{F5658412-CB27-4EA0-9B91-5E2D686EE832}" dt="2022-11-29T10:38:02.701" v="15921" actId="26606"/>
          <ac:picMkLst>
            <pc:docMk/>
            <pc:sldMk cId="4173971635" sldId="358"/>
            <ac:picMk id="10" creationId="{3DBEB729-1203-44C5-AFA2-B745B6A191BC}"/>
          </ac:picMkLst>
        </pc:picChg>
        <pc:picChg chg="del">
          <ac:chgData name="Kinga Gniadek" userId="43cb074d-dcd1-4848-963b-d77b93284ad2" providerId="ADAL" clId="{F5658412-CB27-4EA0-9B91-5E2D686EE832}" dt="2022-11-29T10:27:13.067" v="15916" actId="478"/>
          <ac:picMkLst>
            <pc:docMk/>
            <pc:sldMk cId="4173971635" sldId="358"/>
            <ac:picMk id="11" creationId="{0E576531-C57F-40D2-B1B9-E41B583CA182}"/>
          </ac:picMkLst>
        </pc:picChg>
        <pc:cxnChg chg="add del">
          <ac:chgData name="Kinga Gniadek" userId="43cb074d-dcd1-4848-963b-d77b93284ad2" providerId="ADAL" clId="{F5658412-CB27-4EA0-9B91-5E2D686EE832}" dt="2022-11-29T10:38:02.701" v="15921" actId="26606"/>
          <ac:cxnSpMkLst>
            <pc:docMk/>
            <pc:sldMk cId="4173971635" sldId="358"/>
            <ac:cxnSpMk id="22" creationId="{C41BAEC7-F7B0-4224-8B18-8F74B7D87F0B}"/>
          </ac:cxnSpMkLst>
        </pc:cxnChg>
      </pc:sldChg>
      <pc:sldChg chg="modSp mod">
        <pc:chgData name="Kinga Gniadek" userId="43cb074d-dcd1-4848-963b-d77b93284ad2" providerId="ADAL" clId="{F5658412-CB27-4EA0-9B91-5E2D686EE832}" dt="2022-12-02T09:56:48.787" v="16546" actId="20577"/>
        <pc:sldMkLst>
          <pc:docMk/>
          <pc:sldMk cId="3477690341" sldId="359"/>
        </pc:sldMkLst>
        <pc:spChg chg="mod">
          <ac:chgData name="Kinga Gniadek" userId="43cb074d-dcd1-4848-963b-d77b93284ad2" providerId="ADAL" clId="{F5658412-CB27-4EA0-9B91-5E2D686EE832}" dt="2022-12-02T09:56:48.787" v="16546" actId="20577"/>
          <ac:spMkLst>
            <pc:docMk/>
            <pc:sldMk cId="3477690341" sldId="359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1T07:24:53.990" v="16102" actId="20577"/>
          <ac:spMkLst>
            <pc:docMk/>
            <pc:sldMk cId="3477690341" sldId="359"/>
            <ac:spMk id="14" creationId="{B6CA66AD-D631-4C5E-A924-BC952D4B4394}"/>
          </ac:spMkLst>
        </pc:spChg>
      </pc:sldChg>
      <pc:sldChg chg="addSp modSp mod">
        <pc:chgData name="Kinga Gniadek" userId="43cb074d-dcd1-4848-963b-d77b93284ad2" providerId="ADAL" clId="{F5658412-CB27-4EA0-9B91-5E2D686EE832}" dt="2022-12-01T07:33:05.122" v="16206" actId="1035"/>
        <pc:sldMkLst>
          <pc:docMk/>
          <pc:sldMk cId="1798889288" sldId="360"/>
        </pc:sldMkLst>
        <pc:picChg chg="add mod">
          <ac:chgData name="Kinga Gniadek" userId="43cb074d-dcd1-4848-963b-d77b93284ad2" providerId="ADAL" clId="{F5658412-CB27-4EA0-9B91-5E2D686EE832}" dt="2022-12-01T07:33:05.122" v="16206" actId="1035"/>
          <ac:picMkLst>
            <pc:docMk/>
            <pc:sldMk cId="1798889288" sldId="360"/>
            <ac:picMk id="4" creationId="{32AE6EC3-D18B-4061-AA22-5E5FE44837D8}"/>
          </ac:picMkLst>
        </pc:picChg>
      </pc:sldChg>
      <pc:sldChg chg="addSp modSp mod">
        <pc:chgData name="Kinga Gniadek" userId="43cb074d-dcd1-4848-963b-d77b93284ad2" providerId="ADAL" clId="{F5658412-CB27-4EA0-9B91-5E2D686EE832}" dt="2022-12-02T10:17:10.470" v="16660"/>
        <pc:sldMkLst>
          <pc:docMk/>
          <pc:sldMk cId="2510979623" sldId="361"/>
        </pc:sldMkLst>
        <pc:spChg chg="mod">
          <ac:chgData name="Kinga Gniadek" userId="43cb074d-dcd1-4848-963b-d77b93284ad2" providerId="ADAL" clId="{F5658412-CB27-4EA0-9B91-5E2D686EE832}" dt="2022-12-01T07:25:39.170" v="16106" actId="20577"/>
          <ac:spMkLst>
            <pc:docMk/>
            <pc:sldMk cId="2510979623" sldId="361"/>
            <ac:spMk id="3" creationId="{BB727609-09F4-CEED-EDDC-537B7B9F8AC6}"/>
          </ac:spMkLst>
        </pc:spChg>
        <pc:spChg chg="add mod">
          <ac:chgData name="Kinga Gniadek" userId="43cb074d-dcd1-4848-963b-d77b93284ad2" providerId="ADAL" clId="{F5658412-CB27-4EA0-9B91-5E2D686EE832}" dt="2022-12-02T10:17:10.470" v="16660"/>
          <ac:spMkLst>
            <pc:docMk/>
            <pc:sldMk cId="2510979623" sldId="361"/>
            <ac:spMk id="7" creationId="{56492C9F-6B7C-4B75-803E-B5A4F344BA95}"/>
          </ac:spMkLst>
        </pc:spChg>
      </pc:sldChg>
      <pc:sldChg chg="addSp delSp modSp new mod setBg">
        <pc:chgData name="Kinga Gniadek" userId="43cb074d-dcd1-4848-963b-d77b93284ad2" providerId="ADAL" clId="{F5658412-CB27-4EA0-9B91-5E2D686EE832}" dt="2022-12-02T10:18:03.596" v="16670"/>
        <pc:sldMkLst>
          <pc:docMk/>
          <pc:sldMk cId="1993494209" sldId="362"/>
        </pc:sldMkLst>
        <pc:spChg chg="add mod">
          <ac:chgData name="Kinga Gniadek" userId="43cb074d-dcd1-4848-963b-d77b93284ad2" providerId="ADAL" clId="{F5658412-CB27-4EA0-9B91-5E2D686EE832}" dt="2022-12-02T10:18:03.596" v="16670"/>
          <ac:spMkLst>
            <pc:docMk/>
            <pc:sldMk cId="1993494209" sldId="362"/>
            <ac:spMk id="4" creationId="{8F1339CB-3179-4B9D-A727-D066BC0C25AF}"/>
          </ac:spMkLst>
        </pc:spChg>
        <pc:picChg chg="add mod">
          <ac:chgData name="Kinga Gniadek" userId="43cb074d-dcd1-4848-963b-d77b93284ad2" providerId="ADAL" clId="{F5658412-CB27-4EA0-9B91-5E2D686EE832}" dt="2022-12-01T07:06:36.879" v="15946"/>
          <ac:picMkLst>
            <pc:docMk/>
            <pc:sldMk cId="1993494209" sldId="362"/>
            <ac:picMk id="2" creationId="{5D4FACE5-D242-4BD4-86D7-06F040284D28}"/>
          </ac:picMkLst>
        </pc:picChg>
        <pc:picChg chg="add del mod modCrop">
          <ac:chgData name="Kinga Gniadek" userId="43cb074d-dcd1-4848-963b-d77b93284ad2" providerId="ADAL" clId="{F5658412-CB27-4EA0-9B91-5E2D686EE832}" dt="2022-12-01T07:08:22.035" v="15950" actId="22"/>
          <ac:picMkLst>
            <pc:docMk/>
            <pc:sldMk cId="1993494209" sldId="362"/>
            <ac:picMk id="4" creationId="{C5FE1E31-C26B-48ED-BB26-D1F99B8B787F}"/>
          </ac:picMkLst>
        </pc:picChg>
        <pc:picChg chg="add del mod modCrop">
          <ac:chgData name="Kinga Gniadek" userId="43cb074d-dcd1-4848-963b-d77b93284ad2" providerId="ADAL" clId="{F5658412-CB27-4EA0-9B91-5E2D686EE832}" dt="2022-12-01T07:08:51.530" v="15956" actId="22"/>
          <ac:picMkLst>
            <pc:docMk/>
            <pc:sldMk cId="1993494209" sldId="362"/>
            <ac:picMk id="6" creationId="{60D72CC6-972A-48BD-8E9C-C363877439F0}"/>
          </ac:picMkLst>
        </pc:picChg>
        <pc:picChg chg="add del mod modCrop">
          <ac:chgData name="Kinga Gniadek" userId="43cb074d-dcd1-4848-963b-d77b93284ad2" providerId="ADAL" clId="{F5658412-CB27-4EA0-9B91-5E2D686EE832}" dt="2022-12-01T07:09:25.672" v="15959" actId="478"/>
          <ac:picMkLst>
            <pc:docMk/>
            <pc:sldMk cId="1993494209" sldId="362"/>
            <ac:picMk id="8" creationId="{3572E0EA-299F-4907-91F4-6A734FCA0B97}"/>
          </ac:picMkLst>
        </pc:picChg>
        <pc:picChg chg="add mod">
          <ac:chgData name="Kinga Gniadek" userId="43cb074d-dcd1-4848-963b-d77b93284ad2" providerId="ADAL" clId="{F5658412-CB27-4EA0-9B91-5E2D686EE832}" dt="2022-12-01T07:11:45.843" v="15962" actId="1076"/>
          <ac:picMkLst>
            <pc:docMk/>
            <pc:sldMk cId="1993494209" sldId="362"/>
            <ac:picMk id="10" creationId="{1E91947B-B4A1-4885-BB03-1F96A7389891}"/>
          </ac:picMkLst>
        </pc:picChg>
      </pc:sldChg>
      <pc:sldChg chg="addSp delSp modSp add mod ord">
        <pc:chgData name="Kinga Gniadek" userId="43cb074d-dcd1-4848-963b-d77b93284ad2" providerId="ADAL" clId="{F5658412-CB27-4EA0-9B91-5E2D686EE832}" dt="2022-12-01T13:58:18.008" v="16334" actId="255"/>
        <pc:sldMkLst>
          <pc:docMk/>
          <pc:sldMk cId="1008743429" sldId="363"/>
        </pc:sldMkLst>
        <pc:spChg chg="add mod">
          <ac:chgData name="Kinga Gniadek" userId="43cb074d-dcd1-4848-963b-d77b93284ad2" providerId="ADAL" clId="{F5658412-CB27-4EA0-9B91-5E2D686EE832}" dt="2022-12-01T13:58:18.008" v="16334" actId="255"/>
          <ac:spMkLst>
            <pc:docMk/>
            <pc:sldMk cId="1008743429" sldId="363"/>
            <ac:spMk id="7" creationId="{C5200ECE-2279-46DA-9215-C0E2360B1AB6}"/>
          </ac:spMkLst>
        </pc:spChg>
        <pc:spChg chg="mod">
          <ac:chgData name="Kinga Gniadek" userId="43cb074d-dcd1-4848-963b-d77b93284ad2" providerId="ADAL" clId="{F5658412-CB27-4EA0-9B91-5E2D686EE832}" dt="2022-12-01T12:36:50.886" v="16227" actId="20577"/>
          <ac:spMkLst>
            <pc:docMk/>
            <pc:sldMk cId="1008743429" sldId="363"/>
            <ac:spMk id="12" creationId="{4FFB8876-A80B-45BF-B457-69F329D40EAB}"/>
          </ac:spMkLst>
        </pc:spChg>
        <pc:picChg chg="del">
          <ac:chgData name="Kinga Gniadek" userId="43cb074d-dcd1-4848-963b-d77b93284ad2" providerId="ADAL" clId="{F5658412-CB27-4EA0-9B91-5E2D686EE832}" dt="2022-12-01T07:13:25.695" v="15973" actId="478"/>
          <ac:picMkLst>
            <pc:docMk/>
            <pc:sldMk cId="1008743429" sldId="363"/>
            <ac:picMk id="6" creationId="{99520BD1-500D-464A-BC9C-1A9BE2B0F7C2}"/>
          </ac:picMkLst>
        </pc:picChg>
        <pc:picChg chg="mod">
          <ac:chgData name="Kinga Gniadek" userId="43cb074d-dcd1-4848-963b-d77b93284ad2" providerId="ADAL" clId="{F5658412-CB27-4EA0-9B91-5E2D686EE832}" dt="2022-12-01T07:32:28.656" v="16202" actId="1076"/>
          <ac:picMkLst>
            <pc:docMk/>
            <pc:sldMk cId="1008743429" sldId="363"/>
            <ac:picMk id="10" creationId="{3DBEB729-1203-44C5-AFA2-B745B6A191BC}"/>
          </ac:picMkLst>
        </pc:picChg>
      </pc:sldChg>
      <pc:sldChg chg="modSp mod">
        <pc:chgData name="Kinga Gniadek" userId="43cb074d-dcd1-4848-963b-d77b93284ad2" providerId="ADAL" clId="{F5658412-CB27-4EA0-9B91-5E2D686EE832}" dt="2022-12-02T06:54:22.013" v="16381" actId="1076"/>
        <pc:sldMkLst>
          <pc:docMk/>
          <pc:sldMk cId="1578233730" sldId="366"/>
        </pc:sldMkLst>
        <pc:spChg chg="mod">
          <ac:chgData name="Kinga Gniadek" userId="43cb074d-dcd1-4848-963b-d77b93284ad2" providerId="ADAL" clId="{F5658412-CB27-4EA0-9B91-5E2D686EE832}" dt="2022-12-02T06:54:22.013" v="16381" actId="1076"/>
          <ac:spMkLst>
            <pc:docMk/>
            <pc:sldMk cId="1578233730" sldId="366"/>
            <ac:spMk id="2" creationId="{811BCDE6-2B83-2D65-DD50-2CC8D1C67B33}"/>
          </ac:spMkLst>
        </pc:spChg>
        <pc:spChg chg="mod">
          <ac:chgData name="Kinga Gniadek" userId="43cb074d-dcd1-4848-963b-d77b93284ad2" providerId="ADAL" clId="{F5658412-CB27-4EA0-9B91-5E2D686EE832}" dt="2022-12-02T06:54:22.013" v="16381" actId="1076"/>
          <ac:spMkLst>
            <pc:docMk/>
            <pc:sldMk cId="1578233730" sldId="366"/>
            <ac:spMk id="12" creationId="{4FFB8876-A80B-45BF-B457-69F329D40EAB}"/>
          </ac:spMkLst>
        </pc:spChg>
      </pc:sldChg>
      <pc:sldChg chg="del">
        <pc:chgData name="Kinga Gniadek" userId="43cb074d-dcd1-4848-963b-d77b93284ad2" providerId="ADAL" clId="{F5658412-CB27-4EA0-9B91-5E2D686EE832}" dt="2022-12-02T07:00:57.091" v="16402" actId="47"/>
        <pc:sldMkLst>
          <pc:docMk/>
          <pc:sldMk cId="774280809" sldId="367"/>
        </pc:sldMkLst>
      </pc:sldChg>
      <pc:sldChg chg="modSp add mod">
        <pc:chgData name="Kinga Gniadek" userId="43cb074d-dcd1-4848-963b-d77b93284ad2" providerId="ADAL" clId="{F5658412-CB27-4EA0-9B91-5E2D686EE832}" dt="2022-12-01T13:59:01.396" v="16340" actId="207"/>
        <pc:sldMkLst>
          <pc:docMk/>
          <pc:sldMk cId="273443621" sldId="372"/>
        </pc:sldMkLst>
        <pc:spChg chg="mod">
          <ac:chgData name="Kinga Gniadek" userId="43cb074d-dcd1-4848-963b-d77b93284ad2" providerId="ADAL" clId="{F5658412-CB27-4EA0-9B91-5E2D686EE832}" dt="2022-12-01T13:59:01.396" v="16340" actId="207"/>
          <ac:spMkLst>
            <pc:docMk/>
            <pc:sldMk cId="273443621" sldId="372"/>
            <ac:spMk id="7" creationId="{C5200ECE-2279-46DA-9215-C0E2360B1AB6}"/>
          </ac:spMkLst>
        </pc:spChg>
        <pc:picChg chg="mod">
          <ac:chgData name="Kinga Gniadek" userId="43cb074d-dcd1-4848-963b-d77b93284ad2" providerId="ADAL" clId="{F5658412-CB27-4EA0-9B91-5E2D686EE832}" dt="2022-12-01T13:56:48.295" v="16315" actId="1076"/>
          <ac:picMkLst>
            <pc:docMk/>
            <pc:sldMk cId="273443621" sldId="372"/>
            <ac:picMk id="10" creationId="{3DBEB729-1203-44C5-AFA2-B745B6A191BC}"/>
          </ac:picMkLst>
        </pc:picChg>
      </pc:sldChg>
      <pc:sldChg chg="addSp modSp mod">
        <pc:chgData name="Kinga Gniadek" userId="43cb074d-dcd1-4848-963b-d77b93284ad2" providerId="ADAL" clId="{F5658412-CB27-4EA0-9B91-5E2D686EE832}" dt="2022-12-02T10:17:18.686" v="16661"/>
        <pc:sldMkLst>
          <pc:docMk/>
          <pc:sldMk cId="3746881630" sldId="373"/>
        </pc:sldMkLst>
        <pc:spChg chg="mod">
          <ac:chgData name="Kinga Gniadek" userId="43cb074d-dcd1-4848-963b-d77b93284ad2" providerId="ADAL" clId="{F5658412-CB27-4EA0-9B91-5E2D686EE832}" dt="2022-12-02T06:54:34.603" v="16382" actId="1076"/>
          <ac:spMkLst>
            <pc:docMk/>
            <pc:sldMk cId="3746881630" sldId="373"/>
            <ac:spMk id="2" creationId="{811BCDE6-2B83-2D65-DD50-2CC8D1C67B33}"/>
          </ac:spMkLst>
        </pc:spChg>
        <pc:spChg chg="add mod">
          <ac:chgData name="Kinga Gniadek" userId="43cb074d-dcd1-4848-963b-d77b93284ad2" providerId="ADAL" clId="{F5658412-CB27-4EA0-9B91-5E2D686EE832}" dt="2022-12-02T10:17:18.686" v="16661"/>
          <ac:spMkLst>
            <pc:docMk/>
            <pc:sldMk cId="3746881630" sldId="373"/>
            <ac:spMk id="6" creationId="{A23D909A-E282-49FB-904B-87EF356685A8}"/>
          </ac:spMkLst>
        </pc:spChg>
        <pc:spChg chg="mod">
          <ac:chgData name="Kinga Gniadek" userId="43cb074d-dcd1-4848-963b-d77b93284ad2" providerId="ADAL" clId="{F5658412-CB27-4EA0-9B91-5E2D686EE832}" dt="2022-12-02T07:01:21.092" v="16403" actId="207"/>
          <ac:spMkLst>
            <pc:docMk/>
            <pc:sldMk cId="3746881630" sldId="373"/>
            <ac:spMk id="12" creationId="{4FFB8876-A80B-45BF-B457-69F329D40EAB}"/>
          </ac:spMkLst>
        </pc:spChg>
        <pc:picChg chg="mod">
          <ac:chgData name="Kinga Gniadek" userId="43cb074d-dcd1-4848-963b-d77b93284ad2" providerId="ADAL" clId="{F5658412-CB27-4EA0-9B91-5E2D686EE832}" dt="2022-12-02T06:48:53.392" v="16372" actId="1076"/>
          <ac:picMkLst>
            <pc:docMk/>
            <pc:sldMk cId="3746881630" sldId="373"/>
            <ac:picMk id="10" creationId="{3DBEB729-1203-44C5-AFA2-B745B6A191BC}"/>
          </ac:picMkLst>
        </pc:picChg>
      </pc:sldChg>
      <pc:sldChg chg="addSp modSp mod">
        <pc:chgData name="Kinga Gniadek" userId="43cb074d-dcd1-4848-963b-d77b93284ad2" providerId="ADAL" clId="{F5658412-CB27-4EA0-9B91-5E2D686EE832}" dt="2022-12-02T10:17:50.459" v="16667" actId="1076"/>
        <pc:sldMkLst>
          <pc:docMk/>
          <pc:sldMk cId="3194558073" sldId="374"/>
        </pc:sldMkLst>
        <pc:spChg chg="mod">
          <ac:chgData name="Kinga Gniadek" userId="43cb074d-dcd1-4848-963b-d77b93284ad2" providerId="ADAL" clId="{F5658412-CB27-4EA0-9B91-5E2D686EE832}" dt="2022-12-02T06:54:53.362" v="16385" actId="1076"/>
          <ac:spMkLst>
            <pc:docMk/>
            <pc:sldMk cId="3194558073" sldId="374"/>
            <ac:spMk id="2" creationId="{811BCDE6-2B83-2D65-DD50-2CC8D1C67B33}"/>
          </ac:spMkLst>
        </pc:spChg>
        <pc:spChg chg="add mod">
          <ac:chgData name="Kinga Gniadek" userId="43cb074d-dcd1-4848-963b-d77b93284ad2" providerId="ADAL" clId="{F5658412-CB27-4EA0-9B91-5E2D686EE832}" dt="2022-12-02T10:17:50.459" v="16667" actId="1076"/>
          <ac:spMkLst>
            <pc:docMk/>
            <pc:sldMk cId="3194558073" sldId="374"/>
            <ac:spMk id="6" creationId="{63D62BAB-0DA6-4555-B45F-B7DC13765482}"/>
          </ac:spMkLst>
        </pc:spChg>
        <pc:spChg chg="mod">
          <ac:chgData name="Kinga Gniadek" userId="43cb074d-dcd1-4848-963b-d77b93284ad2" providerId="ADAL" clId="{F5658412-CB27-4EA0-9B91-5E2D686EE832}" dt="2022-12-02T06:54:53.362" v="16385" actId="1076"/>
          <ac:spMkLst>
            <pc:docMk/>
            <pc:sldMk cId="3194558073" sldId="374"/>
            <ac:spMk id="12" creationId="{4FFB8876-A80B-45BF-B457-69F329D40EAB}"/>
          </ac:spMkLst>
        </pc:spChg>
        <pc:picChg chg="mod">
          <ac:chgData name="Kinga Gniadek" userId="43cb074d-dcd1-4848-963b-d77b93284ad2" providerId="ADAL" clId="{F5658412-CB27-4EA0-9B91-5E2D686EE832}" dt="2022-12-02T06:54:43.261" v="16384" actId="1076"/>
          <ac:picMkLst>
            <pc:docMk/>
            <pc:sldMk cId="3194558073" sldId="374"/>
            <ac:picMk id="10" creationId="{3DBEB729-1203-44C5-AFA2-B745B6A191BC}"/>
          </ac:picMkLst>
        </pc:picChg>
      </pc:sldChg>
      <pc:sldChg chg="addSp delSp modSp mod">
        <pc:chgData name="Kinga Gniadek" userId="43cb074d-dcd1-4848-963b-d77b93284ad2" providerId="ADAL" clId="{F5658412-CB27-4EA0-9B91-5E2D686EE832}" dt="2022-12-02T10:23:39.510" v="16680" actId="1076"/>
        <pc:sldMkLst>
          <pc:docMk/>
          <pc:sldMk cId="1651465430" sldId="375"/>
        </pc:sldMkLst>
        <pc:spChg chg="mod">
          <ac:chgData name="Kinga Gniadek" userId="43cb074d-dcd1-4848-963b-d77b93284ad2" providerId="ADAL" clId="{F5658412-CB27-4EA0-9B91-5E2D686EE832}" dt="2022-12-02T06:55:22.208" v="16390" actId="1076"/>
          <ac:spMkLst>
            <pc:docMk/>
            <pc:sldMk cId="1651465430" sldId="375"/>
            <ac:spMk id="2" creationId="{811BCDE6-2B83-2D65-DD50-2CC8D1C67B33}"/>
          </ac:spMkLst>
        </pc:spChg>
        <pc:spChg chg="add del mod">
          <ac:chgData name="Kinga Gniadek" userId="43cb074d-dcd1-4848-963b-d77b93284ad2" providerId="ADAL" clId="{F5658412-CB27-4EA0-9B91-5E2D686EE832}" dt="2022-12-02T10:23:37.282" v="16679" actId="478"/>
          <ac:spMkLst>
            <pc:docMk/>
            <pc:sldMk cId="1651465430" sldId="375"/>
            <ac:spMk id="6" creationId="{19DAF515-960D-4A36-B9EA-6A42816568A0}"/>
          </ac:spMkLst>
        </pc:spChg>
        <pc:spChg chg="add mod">
          <ac:chgData name="Kinga Gniadek" userId="43cb074d-dcd1-4848-963b-d77b93284ad2" providerId="ADAL" clId="{F5658412-CB27-4EA0-9B91-5E2D686EE832}" dt="2022-12-02T10:23:39.510" v="16680" actId="1076"/>
          <ac:spMkLst>
            <pc:docMk/>
            <pc:sldMk cId="1651465430" sldId="375"/>
            <ac:spMk id="7" creationId="{C2202B02-D953-4FBC-AD2A-B04A3FB67BA4}"/>
          </ac:spMkLst>
        </pc:spChg>
        <pc:spChg chg="mod">
          <ac:chgData name="Kinga Gniadek" userId="43cb074d-dcd1-4848-963b-d77b93284ad2" providerId="ADAL" clId="{F5658412-CB27-4EA0-9B91-5E2D686EE832}" dt="2022-12-02T06:55:22.208" v="16390" actId="1076"/>
          <ac:spMkLst>
            <pc:docMk/>
            <pc:sldMk cId="1651465430" sldId="375"/>
            <ac:spMk id="12" creationId="{4FFB8876-A80B-45BF-B457-69F329D40EAB}"/>
          </ac:spMkLst>
        </pc:spChg>
        <pc:picChg chg="mod">
          <ac:chgData name="Kinga Gniadek" userId="43cb074d-dcd1-4848-963b-d77b93284ad2" providerId="ADAL" clId="{F5658412-CB27-4EA0-9B91-5E2D686EE832}" dt="2022-12-02T06:55:15.766" v="16389" actId="1076"/>
          <ac:picMkLst>
            <pc:docMk/>
            <pc:sldMk cId="1651465430" sldId="375"/>
            <ac:picMk id="10" creationId="{3DBEB729-1203-44C5-AFA2-B745B6A191BC}"/>
          </ac:picMkLst>
        </pc:picChg>
      </pc:sldChg>
      <pc:sldChg chg="addSp delSp modSp mod">
        <pc:chgData name="Kinga Gniadek" userId="43cb074d-dcd1-4848-963b-d77b93284ad2" providerId="ADAL" clId="{F5658412-CB27-4EA0-9B91-5E2D686EE832}" dt="2022-12-02T10:25:21.956" v="16695" actId="478"/>
        <pc:sldMkLst>
          <pc:docMk/>
          <pc:sldMk cId="3253330224" sldId="376"/>
        </pc:sldMkLst>
        <pc:spChg chg="mod">
          <ac:chgData name="Kinga Gniadek" userId="43cb074d-dcd1-4848-963b-d77b93284ad2" providerId="ADAL" clId="{F5658412-CB27-4EA0-9B91-5E2D686EE832}" dt="2022-12-02T06:55:36.246" v="16391" actId="1076"/>
          <ac:spMkLst>
            <pc:docMk/>
            <pc:sldMk cId="3253330224" sldId="376"/>
            <ac:spMk id="2" creationId="{811BCDE6-2B83-2D65-DD50-2CC8D1C67B33}"/>
          </ac:spMkLst>
        </pc:spChg>
        <pc:spChg chg="add del mod">
          <ac:chgData name="Kinga Gniadek" userId="43cb074d-dcd1-4848-963b-d77b93284ad2" providerId="ADAL" clId="{F5658412-CB27-4EA0-9B91-5E2D686EE832}" dt="2022-12-02T10:23:31.707" v="16676"/>
          <ac:spMkLst>
            <pc:docMk/>
            <pc:sldMk cId="3253330224" sldId="376"/>
            <ac:spMk id="6" creationId="{08146FE2-0207-494A-9FD9-C61E0B5376B3}"/>
          </ac:spMkLst>
        </pc:spChg>
        <pc:spChg chg="add del mod">
          <ac:chgData name="Kinga Gniadek" userId="43cb074d-dcd1-4848-963b-d77b93284ad2" providerId="ADAL" clId="{F5658412-CB27-4EA0-9B91-5E2D686EE832}" dt="2022-12-02T10:25:21.956" v="16695" actId="478"/>
          <ac:spMkLst>
            <pc:docMk/>
            <pc:sldMk cId="3253330224" sldId="376"/>
            <ac:spMk id="7" creationId="{0292D19F-F5A1-4774-8D8A-9057C417C992}"/>
          </ac:spMkLst>
        </pc:spChg>
        <pc:spChg chg="add del mod">
          <ac:chgData name="Kinga Gniadek" userId="43cb074d-dcd1-4848-963b-d77b93284ad2" providerId="ADAL" clId="{F5658412-CB27-4EA0-9B91-5E2D686EE832}" dt="2022-12-02T10:25:19.618" v="16694" actId="478"/>
          <ac:spMkLst>
            <pc:docMk/>
            <pc:sldMk cId="3253330224" sldId="376"/>
            <ac:spMk id="9" creationId="{77C4275B-1646-4BD1-86E5-EA73913A5998}"/>
          </ac:spMkLst>
        </pc:spChg>
        <pc:spChg chg="mod">
          <ac:chgData name="Kinga Gniadek" userId="43cb074d-dcd1-4848-963b-d77b93284ad2" providerId="ADAL" clId="{F5658412-CB27-4EA0-9B91-5E2D686EE832}" dt="2022-12-02T06:55:36.246" v="16391" actId="1076"/>
          <ac:spMkLst>
            <pc:docMk/>
            <pc:sldMk cId="3253330224" sldId="376"/>
            <ac:spMk id="12" creationId="{4FFB8876-A80B-45BF-B457-69F329D40EAB}"/>
          </ac:spMkLst>
        </pc:spChg>
      </pc:sldChg>
      <pc:sldChg chg="addSp modSp del mod">
        <pc:chgData name="Kinga Gniadek" userId="43cb074d-dcd1-4848-963b-d77b93284ad2" providerId="ADAL" clId="{F5658412-CB27-4EA0-9B91-5E2D686EE832}" dt="2022-12-02T12:35:51.343" v="16721" actId="47"/>
        <pc:sldMkLst>
          <pc:docMk/>
          <pc:sldMk cId="2130784387" sldId="377"/>
        </pc:sldMkLst>
        <pc:spChg chg="mod">
          <ac:chgData name="Kinga Gniadek" userId="43cb074d-dcd1-4848-963b-d77b93284ad2" providerId="ADAL" clId="{F5658412-CB27-4EA0-9B91-5E2D686EE832}" dt="2022-12-02T06:55:45.135" v="16393" actId="1076"/>
          <ac:spMkLst>
            <pc:docMk/>
            <pc:sldMk cId="2130784387" sldId="377"/>
            <ac:spMk id="2" creationId="{811BCDE6-2B83-2D65-DD50-2CC8D1C67B33}"/>
          </ac:spMkLst>
        </pc:spChg>
        <pc:spChg chg="add mod">
          <ac:chgData name="Kinga Gniadek" userId="43cb074d-dcd1-4848-963b-d77b93284ad2" providerId="ADAL" clId="{F5658412-CB27-4EA0-9B91-5E2D686EE832}" dt="2022-12-02T10:26:05.261" v="16702"/>
          <ac:spMkLst>
            <pc:docMk/>
            <pc:sldMk cId="2130784387" sldId="377"/>
            <ac:spMk id="6" creationId="{6934CB30-73CC-418E-80CA-B1351F813D5C}"/>
          </ac:spMkLst>
        </pc:spChg>
        <pc:spChg chg="mod">
          <ac:chgData name="Kinga Gniadek" userId="43cb074d-dcd1-4848-963b-d77b93284ad2" providerId="ADAL" clId="{F5658412-CB27-4EA0-9B91-5E2D686EE832}" dt="2022-12-02T06:55:48.423" v="16394" actId="1076"/>
          <ac:spMkLst>
            <pc:docMk/>
            <pc:sldMk cId="2130784387" sldId="377"/>
            <ac:spMk id="12" creationId="{4FFB8876-A80B-45BF-B457-69F329D40EAB}"/>
          </ac:spMkLst>
        </pc:spChg>
      </pc:sldChg>
      <pc:sldChg chg="addSp delSp modSp mod">
        <pc:chgData name="Kinga Gniadek" userId="43cb074d-dcd1-4848-963b-d77b93284ad2" providerId="ADAL" clId="{F5658412-CB27-4EA0-9B91-5E2D686EE832}" dt="2022-12-02T12:37:22.271" v="16723"/>
        <pc:sldMkLst>
          <pc:docMk/>
          <pc:sldMk cId="3024463532" sldId="378"/>
        </pc:sldMkLst>
        <pc:spChg chg="mod">
          <ac:chgData name="Kinga Gniadek" userId="43cb074d-dcd1-4848-963b-d77b93284ad2" providerId="ADAL" clId="{F5658412-CB27-4EA0-9B91-5E2D686EE832}" dt="2022-12-02T06:52:31.239" v="16377" actId="1076"/>
          <ac:spMkLst>
            <pc:docMk/>
            <pc:sldMk cId="3024463532" sldId="378"/>
            <ac:spMk id="2" creationId="{811BCDE6-2B83-2D65-DD50-2CC8D1C67B33}"/>
          </ac:spMkLst>
        </pc:spChg>
        <pc:spChg chg="add del mod">
          <ac:chgData name="Kinga Gniadek" userId="43cb074d-dcd1-4848-963b-d77b93284ad2" providerId="ADAL" clId="{F5658412-CB27-4EA0-9B91-5E2D686EE832}" dt="2022-12-02T12:37:22.007" v="16722" actId="478"/>
          <ac:spMkLst>
            <pc:docMk/>
            <pc:sldMk cId="3024463532" sldId="378"/>
            <ac:spMk id="6" creationId="{A52212E5-356C-4C6E-A7B3-35F09D7851C6}"/>
          </ac:spMkLst>
        </pc:spChg>
        <pc:spChg chg="add mod">
          <ac:chgData name="Kinga Gniadek" userId="43cb074d-dcd1-4848-963b-d77b93284ad2" providerId="ADAL" clId="{F5658412-CB27-4EA0-9B91-5E2D686EE832}" dt="2022-12-02T12:37:22.271" v="16723"/>
          <ac:spMkLst>
            <pc:docMk/>
            <pc:sldMk cId="3024463532" sldId="378"/>
            <ac:spMk id="7" creationId="{A6E3B179-B2CF-43C8-A30A-18B75AA7D991}"/>
          </ac:spMkLst>
        </pc:spChg>
        <pc:spChg chg="mod">
          <ac:chgData name="Kinga Gniadek" userId="43cb074d-dcd1-4848-963b-d77b93284ad2" providerId="ADAL" clId="{F5658412-CB27-4EA0-9B91-5E2D686EE832}" dt="2022-12-02T06:52:37.925" v="16378" actId="1076"/>
          <ac:spMkLst>
            <pc:docMk/>
            <pc:sldMk cId="3024463532" sldId="378"/>
            <ac:spMk id="12" creationId="{4FFB8876-A80B-45BF-B457-69F329D40EAB}"/>
          </ac:spMkLst>
        </pc:spChg>
      </pc:sldChg>
      <pc:sldChg chg="addSp modSp mod">
        <pc:chgData name="Kinga Gniadek" userId="43cb074d-dcd1-4848-963b-d77b93284ad2" providerId="ADAL" clId="{F5658412-CB27-4EA0-9B91-5E2D686EE832}" dt="2022-12-02T10:07:09.799" v="16654" actId="20577"/>
        <pc:sldMkLst>
          <pc:docMk/>
          <pc:sldMk cId="805032094" sldId="379"/>
        </pc:sldMkLst>
        <pc:spChg chg="add mod">
          <ac:chgData name="Kinga Gniadek" userId="43cb074d-dcd1-4848-963b-d77b93284ad2" providerId="ADAL" clId="{F5658412-CB27-4EA0-9B91-5E2D686EE832}" dt="2022-12-02T10:07:07.788" v="16653" actId="1076"/>
          <ac:spMkLst>
            <pc:docMk/>
            <pc:sldMk cId="805032094" sldId="379"/>
            <ac:spMk id="11" creationId="{C3DBF8B4-182F-420B-8B93-AFD395C84336}"/>
          </ac:spMkLst>
        </pc:spChg>
        <pc:spChg chg="mod">
          <ac:chgData name="Kinga Gniadek" userId="43cb074d-dcd1-4848-963b-d77b93284ad2" providerId="ADAL" clId="{F5658412-CB27-4EA0-9B91-5E2D686EE832}" dt="2022-12-02T10:07:09.799" v="16654" actId="20577"/>
          <ac:spMkLst>
            <pc:docMk/>
            <pc:sldMk cId="805032094" sldId="379"/>
            <ac:spMk id="12" creationId="{4FFB8876-A80B-45BF-B457-69F329D40EAB}"/>
          </ac:spMkLst>
        </pc:spChg>
        <pc:spChg chg="mod">
          <ac:chgData name="Kinga Gniadek" userId="43cb074d-dcd1-4848-963b-d77b93284ad2" providerId="ADAL" clId="{F5658412-CB27-4EA0-9B91-5E2D686EE832}" dt="2022-12-02T09:41:27.164" v="16451" actId="20577"/>
          <ac:spMkLst>
            <pc:docMk/>
            <pc:sldMk cId="805032094" sldId="379"/>
            <ac:spMk id="14" creationId="{B6CA66AD-D631-4C5E-A924-BC952D4B4394}"/>
          </ac:spMkLst>
        </pc:spChg>
      </pc:sldChg>
      <pc:sldChg chg="modSp mod">
        <pc:chgData name="Kinga Gniadek" userId="43cb074d-dcd1-4848-963b-d77b93284ad2" providerId="ADAL" clId="{F5658412-CB27-4EA0-9B91-5E2D686EE832}" dt="2022-12-02T09:57:17.315" v="16566" actId="20577"/>
        <pc:sldMkLst>
          <pc:docMk/>
          <pc:sldMk cId="1154792189" sldId="380"/>
        </pc:sldMkLst>
        <pc:spChg chg="mod">
          <ac:chgData name="Kinga Gniadek" userId="43cb074d-dcd1-4848-963b-d77b93284ad2" providerId="ADAL" clId="{F5658412-CB27-4EA0-9B91-5E2D686EE832}" dt="2022-12-02T09:57:17.315" v="16566" actId="20577"/>
          <ac:spMkLst>
            <pc:docMk/>
            <pc:sldMk cId="1154792189" sldId="380"/>
            <ac:spMk id="12" creationId="{4FFB8876-A80B-45BF-B457-69F329D40EAB}"/>
          </ac:spMkLst>
        </pc:spChg>
      </pc:sldChg>
      <pc:sldChg chg="add del">
        <pc:chgData name="Kinga Gniadek" userId="43cb074d-dcd1-4848-963b-d77b93284ad2" providerId="ADAL" clId="{F5658412-CB27-4EA0-9B91-5E2D686EE832}" dt="2022-12-02T10:06:00.018" v="16629"/>
        <pc:sldMkLst>
          <pc:docMk/>
          <pc:sldMk cId="1911090797" sldId="381"/>
        </pc:sldMkLst>
      </pc:sldChg>
      <pc:sldMasterChg chg="modTransition modSldLayout">
        <pc:chgData name="Kinga Gniadek" userId="43cb074d-dcd1-4848-963b-d77b93284ad2" providerId="ADAL" clId="{F5658412-CB27-4EA0-9B91-5E2D686EE832}" dt="2022-11-24T14:27:32.402" v="14992"/>
        <pc:sldMasterMkLst>
          <pc:docMk/>
          <pc:sldMasterMk cId="4124792871" sldId="2147483648"/>
        </pc:sldMasterMkLst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822799774" sldId="2147483649"/>
          </pc:sldLayoutMkLst>
        </pc:sldLayoutChg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735917684" sldId="2147483650"/>
          </pc:sldLayoutMkLst>
        </pc:sldLayoutChg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1421100963" sldId="2147483651"/>
          </pc:sldLayoutMkLst>
        </pc:sldLayoutChg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3525624060" sldId="2147483652"/>
          </pc:sldLayoutMkLst>
        </pc:sldLayoutChg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2154089283" sldId="2147483653"/>
          </pc:sldLayoutMkLst>
        </pc:sldLayoutChg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2215184431" sldId="2147483654"/>
          </pc:sldLayoutMkLst>
        </pc:sldLayoutChg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3445141246" sldId="2147483655"/>
          </pc:sldLayoutMkLst>
        </pc:sldLayoutChg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1924736695" sldId="2147483656"/>
          </pc:sldLayoutMkLst>
        </pc:sldLayoutChg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4237992396" sldId="2147483657"/>
          </pc:sldLayoutMkLst>
        </pc:sldLayoutChg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2596030955" sldId="2147483658"/>
          </pc:sldLayoutMkLst>
        </pc:sldLayoutChg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2894006893" sldId="2147483659"/>
          </pc:sldLayoutMkLst>
        </pc:sldLayoutChg>
        <pc:sldLayoutChg chg="modTransition setBg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696331007" sldId="2147483660"/>
          </pc:sldLayoutMkLst>
        </pc:sldLayoutChg>
        <pc:sldLayoutChg chg="modTransition">
          <pc:chgData name="Kinga Gniadek" userId="43cb074d-dcd1-4848-963b-d77b93284ad2" providerId="ADAL" clId="{F5658412-CB27-4EA0-9B91-5E2D686EE832}" dt="2022-11-24T14:27:32.402" v="14992"/>
          <pc:sldLayoutMkLst>
            <pc:docMk/>
            <pc:sldMasterMk cId="4124792871" sldId="2147483648"/>
            <pc:sldLayoutMk cId="3236168554" sldId="2147483661"/>
          </pc:sldLayoutMkLst>
        </pc:sldLayoutChg>
      </pc:sldMasterChg>
    </pc:docChg>
  </pc:docChgLst>
  <pc:docChgLst>
    <pc:chgData name="Lukasz Kutrzuba" userId="S::lukasz.kutrzuba@ericsson.com::362f5cc4-0ca4-4e9d-91a9-91fb4ffaabd5" providerId="AD" clId="Web-{C6E27CBA-300F-4859-BBF1-809FDD103C73}"/>
    <pc:docChg chg="modSld sldOrd">
      <pc:chgData name="Lukasz Kutrzuba" userId="S::lukasz.kutrzuba@ericsson.com::362f5cc4-0ca4-4e9d-91a9-91fb4ffaabd5" providerId="AD" clId="Web-{C6E27CBA-300F-4859-BBF1-809FDD103C73}" dt="2022-11-30T14:42:23.551" v="1"/>
      <pc:docMkLst>
        <pc:docMk/>
      </pc:docMkLst>
      <pc:sldChg chg="ord">
        <pc:chgData name="Lukasz Kutrzuba" userId="S::lukasz.kutrzuba@ericsson.com::362f5cc4-0ca4-4e9d-91a9-91fb4ffaabd5" providerId="AD" clId="Web-{C6E27CBA-300F-4859-BBF1-809FDD103C73}" dt="2022-11-30T14:42:23.551" v="1"/>
        <pc:sldMkLst>
          <pc:docMk/>
          <pc:sldMk cId="2545479707" sldId="280"/>
        </pc:sldMkLst>
      </pc:sldChg>
      <pc:sldChg chg="modSp">
        <pc:chgData name="Lukasz Kutrzuba" userId="S::lukasz.kutrzuba@ericsson.com::362f5cc4-0ca4-4e9d-91a9-91fb4ffaabd5" providerId="AD" clId="Web-{C6E27CBA-300F-4859-BBF1-809FDD103C73}" dt="2022-11-30T14:41:23.455" v="0" actId="14100"/>
        <pc:sldMkLst>
          <pc:docMk/>
          <pc:sldMk cId="874184806" sldId="313"/>
        </pc:sldMkLst>
        <pc:spChg chg="mod">
          <ac:chgData name="Lukasz Kutrzuba" userId="S::lukasz.kutrzuba@ericsson.com::362f5cc4-0ca4-4e9d-91a9-91fb4ffaabd5" providerId="AD" clId="Web-{C6E27CBA-300F-4859-BBF1-809FDD103C73}" dt="2022-11-30T14:41:23.455" v="0" actId="14100"/>
          <ac:spMkLst>
            <pc:docMk/>
            <pc:sldMk cId="874184806" sldId="313"/>
            <ac:spMk id="4" creationId="{30D65C50-9E13-DDA4-970F-26F97222ED72}"/>
          </ac:spMkLst>
        </pc:spChg>
      </pc:sldChg>
    </pc:docChg>
  </pc:docChgLst>
  <pc:docChgLst>
    <pc:chgData name="Lukasz Kutrzuba" userId="S::lukasz.kutrzuba@ericsson.com::362f5cc4-0ca4-4e9d-91a9-91fb4ffaabd5" providerId="AD" clId="Web-{6AACD39F-F472-4A7F-A9C0-644FC5474A51}"/>
    <pc:docChg chg="delSld modSld">
      <pc:chgData name="Lukasz Kutrzuba" userId="S::lukasz.kutrzuba@ericsson.com::362f5cc4-0ca4-4e9d-91a9-91fb4ffaabd5" providerId="AD" clId="Web-{6AACD39F-F472-4A7F-A9C0-644FC5474A51}" dt="2022-11-30T12:23:18.859" v="33" actId="1076"/>
      <pc:docMkLst>
        <pc:docMk/>
      </pc:docMkLst>
      <pc:sldChg chg="addSp delSp modSp">
        <pc:chgData name="Lukasz Kutrzuba" userId="S::lukasz.kutrzuba@ericsson.com::362f5cc4-0ca4-4e9d-91a9-91fb4ffaabd5" providerId="AD" clId="Web-{6AACD39F-F472-4A7F-A9C0-644FC5474A51}" dt="2022-11-30T12:20:18.416" v="25" actId="1076"/>
        <pc:sldMkLst>
          <pc:docMk/>
          <pc:sldMk cId="3916555100" sldId="314"/>
        </pc:sldMkLst>
        <pc:picChg chg="add mod">
          <ac:chgData name="Lukasz Kutrzuba" userId="S::lukasz.kutrzuba@ericsson.com::362f5cc4-0ca4-4e9d-91a9-91fb4ffaabd5" providerId="AD" clId="Web-{6AACD39F-F472-4A7F-A9C0-644FC5474A51}" dt="2022-11-30T12:20:18.416" v="25" actId="1076"/>
          <ac:picMkLst>
            <pc:docMk/>
            <pc:sldMk cId="3916555100" sldId="314"/>
            <ac:picMk id="2" creationId="{33A6E70B-7593-4C71-5F69-CE9DFA9E8934}"/>
          </ac:picMkLst>
        </pc:picChg>
        <pc:picChg chg="del">
          <ac:chgData name="Lukasz Kutrzuba" userId="S::lukasz.kutrzuba@ericsson.com::362f5cc4-0ca4-4e9d-91a9-91fb4ffaabd5" providerId="AD" clId="Web-{6AACD39F-F472-4A7F-A9C0-644FC5474A51}" dt="2022-11-30T12:20:01.760" v="18"/>
          <ac:picMkLst>
            <pc:docMk/>
            <pc:sldMk cId="3916555100" sldId="314"/>
            <ac:picMk id="3" creationId="{0290DD85-F47A-47FE-8987-D5F6AA421AD0}"/>
          </ac:picMkLst>
        </pc:picChg>
      </pc:sldChg>
      <pc:sldChg chg="addSp delSp modSp">
        <pc:chgData name="Lukasz Kutrzuba" userId="S::lukasz.kutrzuba@ericsson.com::362f5cc4-0ca4-4e9d-91a9-91fb4ffaabd5" providerId="AD" clId="Web-{6AACD39F-F472-4A7F-A9C0-644FC5474A51}" dt="2022-11-30T12:19:07.868" v="17"/>
        <pc:sldMkLst>
          <pc:docMk/>
          <pc:sldMk cId="864716323" sldId="315"/>
        </pc:sldMkLst>
        <pc:picChg chg="del">
          <ac:chgData name="Lukasz Kutrzuba" userId="S::lukasz.kutrzuba@ericsson.com::362f5cc4-0ca4-4e9d-91a9-91fb4ffaabd5" providerId="AD" clId="Web-{6AACD39F-F472-4A7F-A9C0-644FC5474A51}" dt="2022-11-30T12:18:48.711" v="9"/>
          <ac:picMkLst>
            <pc:docMk/>
            <pc:sldMk cId="864716323" sldId="315"/>
            <ac:picMk id="2" creationId="{2FDD51A9-FFDF-F1A3-F1F4-51AD2F497A6A}"/>
          </ac:picMkLst>
        </pc:picChg>
        <pc:picChg chg="add mod">
          <ac:chgData name="Lukasz Kutrzuba" userId="S::lukasz.kutrzuba@ericsson.com::362f5cc4-0ca4-4e9d-91a9-91fb4ffaabd5" providerId="AD" clId="Web-{6AACD39F-F472-4A7F-A9C0-644FC5474A51}" dt="2022-11-30T12:19:07.868" v="17"/>
          <ac:picMkLst>
            <pc:docMk/>
            <pc:sldMk cId="864716323" sldId="315"/>
            <ac:picMk id="3" creationId="{EB2DF442-D00F-8B82-91D8-EE34F5B102B3}"/>
          </ac:picMkLst>
        </pc:picChg>
      </pc:sldChg>
      <pc:sldChg chg="addSp delSp modSp">
        <pc:chgData name="Lukasz Kutrzuba" userId="S::lukasz.kutrzuba@ericsson.com::362f5cc4-0ca4-4e9d-91a9-91fb4ffaabd5" providerId="AD" clId="Web-{6AACD39F-F472-4A7F-A9C0-644FC5474A51}" dt="2022-11-30T12:23:18.859" v="33" actId="1076"/>
        <pc:sldMkLst>
          <pc:docMk/>
          <pc:sldMk cId="1798889288" sldId="360"/>
        </pc:sldMkLst>
        <pc:picChg chg="add del mod">
          <ac:chgData name="Lukasz Kutrzuba" userId="S::lukasz.kutrzuba@ericsson.com::362f5cc4-0ca4-4e9d-91a9-91fb4ffaabd5" providerId="AD" clId="Web-{6AACD39F-F472-4A7F-A9C0-644FC5474A51}" dt="2022-11-30T12:23:05.890" v="26"/>
          <ac:picMkLst>
            <pc:docMk/>
            <pc:sldMk cId="1798889288" sldId="360"/>
            <ac:picMk id="2" creationId="{AA0E8966-65B2-F7F9-8332-340C23362DF2}"/>
          </ac:picMkLst>
        </pc:picChg>
        <pc:picChg chg="add mod">
          <ac:chgData name="Lukasz Kutrzuba" userId="S::lukasz.kutrzuba@ericsson.com::362f5cc4-0ca4-4e9d-91a9-91fb4ffaabd5" providerId="AD" clId="Web-{6AACD39F-F472-4A7F-A9C0-644FC5474A51}" dt="2022-11-30T12:23:18.859" v="33" actId="1076"/>
          <ac:picMkLst>
            <pc:docMk/>
            <pc:sldMk cId="1798889288" sldId="360"/>
            <ac:picMk id="3" creationId="{AAC58AB8-A445-2621-918C-D8EDD2CDDD21}"/>
          </ac:picMkLst>
        </pc:picChg>
      </pc:sldChg>
      <pc:sldChg chg="del">
        <pc:chgData name="Lukasz Kutrzuba" userId="S::lukasz.kutrzuba@ericsson.com::362f5cc4-0ca4-4e9d-91a9-91fb4ffaabd5" providerId="AD" clId="Web-{6AACD39F-F472-4A7F-A9C0-644FC5474A51}" dt="2022-11-30T12:14:10.063" v="8"/>
        <pc:sldMkLst>
          <pc:docMk/>
          <pc:sldMk cId="2665682860" sldId="361"/>
        </pc:sldMkLst>
      </pc:sldChg>
    </pc:docChg>
  </pc:docChgLst>
  <pc:docChgLst>
    <pc:chgData name="Lukasz Kutrzuba" userId="S::lukasz.kutrzuba@ericsson.com::362f5cc4-0ca4-4e9d-91a9-91fb4ffaabd5" providerId="AD" clId="Web-{5B7BDCF6-509E-4924-9EAD-E1C405F2EDC9}"/>
    <pc:docChg chg="modSld">
      <pc:chgData name="Lukasz Kutrzuba" userId="S::lukasz.kutrzuba@ericsson.com::362f5cc4-0ca4-4e9d-91a9-91fb4ffaabd5" providerId="AD" clId="Web-{5B7BDCF6-509E-4924-9EAD-E1C405F2EDC9}" dt="2022-11-30T12:41:56.875" v="33" actId="1076"/>
      <pc:docMkLst>
        <pc:docMk/>
      </pc:docMkLst>
      <pc:sldChg chg="addSp delSp modSp">
        <pc:chgData name="Lukasz Kutrzuba" userId="S::lukasz.kutrzuba@ericsson.com::362f5cc4-0ca4-4e9d-91a9-91fb4ffaabd5" providerId="AD" clId="Web-{5B7BDCF6-509E-4924-9EAD-E1C405F2EDC9}" dt="2022-11-30T12:41:56.875" v="33" actId="1076"/>
        <pc:sldMkLst>
          <pc:docMk/>
          <pc:sldMk cId="1175326131" sldId="334"/>
        </pc:sldMkLst>
        <pc:spChg chg="mod">
          <ac:chgData name="Lukasz Kutrzuba" userId="S::lukasz.kutrzuba@ericsson.com::362f5cc4-0ca4-4e9d-91a9-91fb4ffaabd5" providerId="AD" clId="Web-{5B7BDCF6-509E-4924-9EAD-E1C405F2EDC9}" dt="2022-11-30T12:41:46.562" v="31" actId="1076"/>
          <ac:spMkLst>
            <pc:docMk/>
            <pc:sldMk cId="1175326131" sldId="334"/>
            <ac:spMk id="12" creationId="{4FFB8876-A80B-45BF-B457-69F329D40EAB}"/>
          </ac:spMkLst>
        </pc:spChg>
        <pc:picChg chg="del">
          <ac:chgData name="Lukasz Kutrzuba" userId="S::lukasz.kutrzuba@ericsson.com::362f5cc4-0ca4-4e9d-91a9-91fb4ffaabd5" providerId="AD" clId="Web-{5B7BDCF6-509E-4924-9EAD-E1C405F2EDC9}" dt="2022-11-30T12:37:24.396" v="0"/>
          <ac:picMkLst>
            <pc:docMk/>
            <pc:sldMk cId="1175326131" sldId="334"/>
            <ac:picMk id="2" creationId="{87F50F47-773C-3372-FC8E-88266072F3C2}"/>
          </ac:picMkLst>
        </pc:picChg>
        <pc:picChg chg="add del mod">
          <ac:chgData name="Lukasz Kutrzuba" userId="S::lukasz.kutrzuba@ericsson.com::362f5cc4-0ca4-4e9d-91a9-91fb4ffaabd5" providerId="AD" clId="Web-{5B7BDCF6-509E-4924-9EAD-E1C405F2EDC9}" dt="2022-11-30T12:39:02.370" v="12"/>
          <ac:picMkLst>
            <pc:docMk/>
            <pc:sldMk cId="1175326131" sldId="334"/>
            <ac:picMk id="3" creationId="{21AA8806-FD63-F399-7FAA-2EA4966FD93D}"/>
          </ac:picMkLst>
        </pc:picChg>
        <pc:picChg chg="add del mod">
          <ac:chgData name="Lukasz Kutrzuba" userId="S::lukasz.kutrzuba@ericsson.com::362f5cc4-0ca4-4e9d-91a9-91fb4ffaabd5" providerId="AD" clId="Web-{5B7BDCF6-509E-4924-9EAD-E1C405F2EDC9}" dt="2022-11-30T12:39:15.681" v="14"/>
          <ac:picMkLst>
            <pc:docMk/>
            <pc:sldMk cId="1175326131" sldId="334"/>
            <ac:picMk id="4" creationId="{8559606D-4DEC-F6C1-CFC2-47636E4AA400}"/>
          </ac:picMkLst>
        </pc:picChg>
        <pc:picChg chg="add mod">
          <ac:chgData name="Lukasz Kutrzuba" userId="S::lukasz.kutrzuba@ericsson.com::362f5cc4-0ca4-4e9d-91a9-91fb4ffaabd5" providerId="AD" clId="Web-{5B7BDCF6-509E-4924-9EAD-E1C405F2EDC9}" dt="2022-11-30T12:41:56.875" v="33" actId="1076"/>
          <ac:picMkLst>
            <pc:docMk/>
            <pc:sldMk cId="1175326131" sldId="334"/>
            <ac:picMk id="5" creationId="{570F9402-CD0A-C426-0DF8-64CA7D04025A}"/>
          </ac:picMkLst>
        </pc:picChg>
      </pc:sldChg>
    </pc:docChg>
  </pc:docChgLst>
  <pc:docChgLst>
    <pc:chgData name="Lukasz Kutrzuba" userId="S::lukasz.kutrzuba@ericsson.com::362f5cc4-0ca4-4e9d-91a9-91fb4ffaabd5" providerId="AD" clId="Web-{D757D1AA-DBA6-4052-A5B6-63249C856961}"/>
    <pc:docChg chg="modSld">
      <pc:chgData name="Lukasz Kutrzuba" userId="S::lukasz.kutrzuba@ericsson.com::362f5cc4-0ca4-4e9d-91a9-91fb4ffaabd5" providerId="AD" clId="Web-{D757D1AA-DBA6-4052-A5B6-63249C856961}" dt="2022-12-02T12:41:34.746" v="0" actId="14100"/>
      <pc:docMkLst>
        <pc:docMk/>
      </pc:docMkLst>
      <pc:sldChg chg="modSp">
        <pc:chgData name="Lukasz Kutrzuba" userId="S::lukasz.kutrzuba@ericsson.com::362f5cc4-0ca4-4e9d-91a9-91fb4ffaabd5" providerId="AD" clId="Web-{D757D1AA-DBA6-4052-A5B6-63249C856961}" dt="2022-12-02T12:41:34.746" v="0" actId="14100"/>
        <pc:sldMkLst>
          <pc:docMk/>
          <pc:sldMk cId="1651465430" sldId="375"/>
        </pc:sldMkLst>
        <pc:spChg chg="mod">
          <ac:chgData name="Lukasz Kutrzuba" userId="S::lukasz.kutrzuba@ericsson.com::362f5cc4-0ca4-4e9d-91a9-91fb4ffaabd5" providerId="AD" clId="Web-{D757D1AA-DBA6-4052-A5B6-63249C856961}" dt="2022-12-02T12:41:34.746" v="0" actId="14100"/>
          <ac:spMkLst>
            <pc:docMk/>
            <pc:sldMk cId="1651465430" sldId="375"/>
            <ac:spMk id="2" creationId="{811BCDE6-2B83-2D65-DD50-2CC8D1C67B33}"/>
          </ac:spMkLst>
        </pc:spChg>
      </pc:sldChg>
    </pc:docChg>
  </pc:docChgLst>
  <pc:docChgLst>
    <pc:chgData name="Lukasz Kutrzuba" userId="S::lukasz.kutrzuba@ericsson.com::362f5cc4-0ca4-4e9d-91a9-91fb4ffaabd5" providerId="AD" clId="Web-{865D7057-6EB0-45A4-A35D-7BFD2CE0628E}"/>
    <pc:docChg chg="modSld">
      <pc:chgData name="Lukasz Kutrzuba" userId="S::lukasz.kutrzuba@ericsson.com::362f5cc4-0ca4-4e9d-91a9-91fb4ffaabd5" providerId="AD" clId="Web-{865D7057-6EB0-45A4-A35D-7BFD2CE0628E}" dt="2022-12-04T21:03:46.779" v="48" actId="14100"/>
      <pc:docMkLst>
        <pc:docMk/>
      </pc:docMkLst>
      <pc:sldChg chg="addSp delSp">
        <pc:chgData name="Lukasz Kutrzuba" userId="S::lukasz.kutrzuba@ericsson.com::362f5cc4-0ca4-4e9d-91a9-91fb4ffaabd5" providerId="AD" clId="Web-{865D7057-6EB0-45A4-A35D-7BFD2CE0628E}" dt="2022-12-04T20:56:37.699" v="27"/>
        <pc:sldMkLst>
          <pc:docMk/>
          <pc:sldMk cId="2545479707" sldId="280"/>
        </pc:sldMkLst>
        <pc:spChg chg="del">
          <ac:chgData name="Lukasz Kutrzuba" userId="S::lukasz.kutrzuba@ericsson.com::362f5cc4-0ca4-4e9d-91a9-91fb4ffaabd5" providerId="AD" clId="Web-{865D7057-6EB0-45A4-A35D-7BFD2CE0628E}" dt="2022-12-04T20:56:37.371" v="26"/>
          <ac:spMkLst>
            <pc:docMk/>
            <pc:sldMk cId="2545479707" sldId="280"/>
            <ac:spMk id="5" creationId="{D0E716A3-EEFC-3D7F-0F44-BE25EE3FEDD0}"/>
          </ac:spMkLst>
        </pc:spChg>
        <pc:spChg chg="add">
          <ac:chgData name="Lukasz Kutrzuba" userId="S::lukasz.kutrzuba@ericsson.com::362f5cc4-0ca4-4e9d-91a9-91fb4ffaabd5" providerId="AD" clId="Web-{865D7057-6EB0-45A4-A35D-7BFD2CE0628E}" dt="2022-12-04T20:56:37.699" v="27"/>
          <ac:spMkLst>
            <pc:docMk/>
            <pc:sldMk cId="2545479707" sldId="280"/>
            <ac:spMk id="6" creationId="{35EF4F60-E3CE-C75E-BC66-DBFEA884DFBE}"/>
          </ac:spMkLst>
        </pc:spChg>
      </pc:sldChg>
      <pc:sldChg chg="modSp">
        <pc:chgData name="Lukasz Kutrzuba" userId="S::lukasz.kutrzuba@ericsson.com::362f5cc4-0ca4-4e9d-91a9-91fb4ffaabd5" providerId="AD" clId="Web-{865D7057-6EB0-45A4-A35D-7BFD2CE0628E}" dt="2022-12-04T20:53:58.084" v="1" actId="20577"/>
        <pc:sldMkLst>
          <pc:docMk/>
          <pc:sldMk cId="2530289182" sldId="297"/>
        </pc:sldMkLst>
        <pc:spChg chg="mod">
          <ac:chgData name="Lukasz Kutrzuba" userId="S::lukasz.kutrzuba@ericsson.com::362f5cc4-0ca4-4e9d-91a9-91fb4ffaabd5" providerId="AD" clId="Web-{865D7057-6EB0-45A4-A35D-7BFD2CE0628E}" dt="2022-12-04T20:53:58.084" v="1" actId="20577"/>
          <ac:spMkLst>
            <pc:docMk/>
            <pc:sldMk cId="2530289182" sldId="297"/>
            <ac:spMk id="12" creationId="{4FFB8876-A80B-45BF-B457-69F329D40EAB}"/>
          </ac:spMkLst>
        </pc:spChg>
      </pc:sldChg>
      <pc:sldChg chg="modSp">
        <pc:chgData name="Lukasz Kutrzuba" userId="S::lukasz.kutrzuba@ericsson.com::362f5cc4-0ca4-4e9d-91a9-91fb4ffaabd5" providerId="AD" clId="Web-{865D7057-6EB0-45A4-A35D-7BFD2CE0628E}" dt="2022-12-04T21:02:09.525" v="45" actId="20577"/>
        <pc:sldMkLst>
          <pc:docMk/>
          <pc:sldMk cId="2687048347" sldId="304"/>
        </pc:sldMkLst>
        <pc:spChg chg="mod">
          <ac:chgData name="Lukasz Kutrzuba" userId="S::lukasz.kutrzuba@ericsson.com::362f5cc4-0ca4-4e9d-91a9-91fb4ffaabd5" providerId="AD" clId="Web-{865D7057-6EB0-45A4-A35D-7BFD2CE0628E}" dt="2022-12-04T21:02:09.525" v="45" actId="20577"/>
          <ac:spMkLst>
            <pc:docMk/>
            <pc:sldMk cId="2687048347" sldId="304"/>
            <ac:spMk id="9" creationId="{BC8328B3-46B9-814A-9805-A5626BF21769}"/>
          </ac:spMkLst>
        </pc:spChg>
      </pc:sldChg>
      <pc:sldChg chg="addSp delSp modSp">
        <pc:chgData name="Lukasz Kutrzuba" userId="S::lukasz.kutrzuba@ericsson.com::362f5cc4-0ca4-4e9d-91a9-91fb4ffaabd5" providerId="AD" clId="Web-{865D7057-6EB0-45A4-A35D-7BFD2CE0628E}" dt="2022-12-04T20:55:21.946" v="7" actId="1076"/>
        <pc:sldMkLst>
          <pc:docMk/>
          <pc:sldMk cId="2111310686" sldId="311"/>
        </pc:sldMkLst>
        <pc:spChg chg="add mod">
          <ac:chgData name="Lukasz Kutrzuba" userId="S::lukasz.kutrzuba@ericsson.com::362f5cc4-0ca4-4e9d-91a9-91fb4ffaabd5" providerId="AD" clId="Web-{865D7057-6EB0-45A4-A35D-7BFD2CE0628E}" dt="2022-12-04T20:55:21.946" v="7" actId="1076"/>
          <ac:spMkLst>
            <pc:docMk/>
            <pc:sldMk cId="2111310686" sldId="311"/>
            <ac:spMk id="4" creationId="{E30A1A69-1CB1-55A0-D7C1-A6A31488F53E}"/>
          </ac:spMkLst>
        </pc:spChg>
        <pc:spChg chg="del">
          <ac:chgData name="Lukasz Kutrzuba" userId="S::lukasz.kutrzuba@ericsson.com::362f5cc4-0ca4-4e9d-91a9-91fb4ffaabd5" providerId="AD" clId="Web-{865D7057-6EB0-45A4-A35D-7BFD2CE0628E}" dt="2022-12-04T20:55:14.009" v="2"/>
          <ac:spMkLst>
            <pc:docMk/>
            <pc:sldMk cId="2111310686" sldId="311"/>
            <ac:spMk id="7" creationId="{C8594750-F72A-E41A-AF77-6F25AE8C67D2}"/>
          </ac:spMkLst>
        </pc:spChg>
        <pc:picChg chg="mod">
          <ac:chgData name="Lukasz Kutrzuba" userId="S::lukasz.kutrzuba@ericsson.com::362f5cc4-0ca4-4e9d-91a9-91fb4ffaabd5" providerId="AD" clId="Web-{865D7057-6EB0-45A4-A35D-7BFD2CE0628E}" dt="2022-12-04T20:55:18.165" v="6" actId="1076"/>
          <ac:picMkLst>
            <pc:docMk/>
            <pc:sldMk cId="2111310686" sldId="311"/>
            <ac:picMk id="3" creationId="{EF8B7F88-478C-C414-2CD5-ABBCCACB988B}"/>
          </ac:picMkLst>
        </pc:picChg>
      </pc:sldChg>
      <pc:sldChg chg="addSp delSp">
        <pc:chgData name="Lukasz Kutrzuba" userId="S::lukasz.kutrzuba@ericsson.com::362f5cc4-0ca4-4e9d-91a9-91fb4ffaabd5" providerId="AD" clId="Web-{865D7057-6EB0-45A4-A35D-7BFD2CE0628E}" dt="2022-12-04T20:55:34.041" v="9"/>
        <pc:sldMkLst>
          <pc:docMk/>
          <pc:sldMk cId="1785458395" sldId="312"/>
        </pc:sldMkLst>
        <pc:spChg chg="del">
          <ac:chgData name="Lukasz Kutrzuba" userId="S::lukasz.kutrzuba@ericsson.com::362f5cc4-0ca4-4e9d-91a9-91fb4ffaabd5" providerId="AD" clId="Web-{865D7057-6EB0-45A4-A35D-7BFD2CE0628E}" dt="2022-12-04T20:55:31.665" v="8"/>
          <ac:spMkLst>
            <pc:docMk/>
            <pc:sldMk cId="1785458395" sldId="312"/>
            <ac:spMk id="5" creationId="{F3E28A5A-D94F-5B20-0EBA-B0A95468ECA3}"/>
          </ac:spMkLst>
        </pc:spChg>
        <pc:spChg chg="add">
          <ac:chgData name="Lukasz Kutrzuba" userId="S::lukasz.kutrzuba@ericsson.com::362f5cc4-0ca4-4e9d-91a9-91fb4ffaabd5" providerId="AD" clId="Web-{865D7057-6EB0-45A4-A35D-7BFD2CE0628E}" dt="2022-12-04T20:55:34.041" v="9"/>
          <ac:spMkLst>
            <pc:docMk/>
            <pc:sldMk cId="1785458395" sldId="312"/>
            <ac:spMk id="6" creationId="{55DE9431-FF5F-D54F-CDC4-795DC5737588}"/>
          </ac:spMkLst>
        </pc:spChg>
      </pc:sldChg>
      <pc:sldChg chg="addSp delSp">
        <pc:chgData name="Lukasz Kutrzuba" userId="S::lukasz.kutrzuba@ericsson.com::362f5cc4-0ca4-4e9d-91a9-91fb4ffaabd5" providerId="AD" clId="Web-{865D7057-6EB0-45A4-A35D-7BFD2CE0628E}" dt="2022-12-04T20:55:37.900" v="11"/>
        <pc:sldMkLst>
          <pc:docMk/>
          <pc:sldMk cId="874184806" sldId="313"/>
        </pc:sldMkLst>
        <pc:spChg chg="add">
          <ac:chgData name="Lukasz Kutrzuba" userId="S::lukasz.kutrzuba@ericsson.com::362f5cc4-0ca4-4e9d-91a9-91fb4ffaabd5" providerId="AD" clId="Web-{865D7057-6EB0-45A4-A35D-7BFD2CE0628E}" dt="2022-12-04T20:55:37.900" v="11"/>
          <ac:spMkLst>
            <pc:docMk/>
            <pc:sldMk cId="874184806" sldId="313"/>
            <ac:spMk id="3" creationId="{B6C74EA1-3FE2-0E76-8002-5A0DB8A32DE7}"/>
          </ac:spMkLst>
        </pc:spChg>
        <pc:spChg chg="del">
          <ac:chgData name="Lukasz Kutrzuba" userId="S::lukasz.kutrzuba@ericsson.com::362f5cc4-0ca4-4e9d-91a9-91fb4ffaabd5" providerId="AD" clId="Web-{865D7057-6EB0-45A4-A35D-7BFD2CE0628E}" dt="2022-12-04T20:55:37.353" v="10"/>
          <ac:spMkLst>
            <pc:docMk/>
            <pc:sldMk cId="874184806" sldId="313"/>
            <ac:spMk id="5" creationId="{6A139438-7E04-92CD-D689-07B54DBB5501}"/>
          </ac:spMkLst>
        </pc:spChg>
      </pc:sldChg>
      <pc:sldChg chg="addSp delSp">
        <pc:chgData name="Lukasz Kutrzuba" userId="S::lukasz.kutrzuba@ericsson.com::362f5cc4-0ca4-4e9d-91a9-91fb4ffaabd5" providerId="AD" clId="Web-{865D7057-6EB0-45A4-A35D-7BFD2CE0628E}" dt="2022-12-04T20:55:54.198" v="19"/>
        <pc:sldMkLst>
          <pc:docMk/>
          <pc:sldMk cId="3916555100" sldId="314"/>
        </pc:sldMkLst>
        <pc:spChg chg="del">
          <ac:chgData name="Lukasz Kutrzuba" userId="S::lukasz.kutrzuba@ericsson.com::362f5cc4-0ca4-4e9d-91a9-91fb4ffaabd5" providerId="AD" clId="Web-{865D7057-6EB0-45A4-A35D-7BFD2CE0628E}" dt="2022-12-04T20:55:53.901" v="18"/>
          <ac:spMkLst>
            <pc:docMk/>
            <pc:sldMk cId="3916555100" sldId="314"/>
            <ac:spMk id="5" creationId="{17AD8FCA-C56E-6C4E-004C-2892E35C481F}"/>
          </ac:spMkLst>
        </pc:spChg>
        <pc:spChg chg="add">
          <ac:chgData name="Lukasz Kutrzuba" userId="S::lukasz.kutrzuba@ericsson.com::362f5cc4-0ca4-4e9d-91a9-91fb4ffaabd5" providerId="AD" clId="Web-{865D7057-6EB0-45A4-A35D-7BFD2CE0628E}" dt="2022-12-04T20:55:54.198" v="19"/>
          <ac:spMkLst>
            <pc:docMk/>
            <pc:sldMk cId="3916555100" sldId="314"/>
            <ac:spMk id="6" creationId="{70A05015-0D61-979E-A93C-9A8FB6CAD6F8}"/>
          </ac:spMkLst>
        </pc:spChg>
      </pc:sldChg>
      <pc:sldChg chg="addSp delSp">
        <pc:chgData name="Lukasz Kutrzuba" userId="S::lukasz.kutrzuba@ericsson.com::362f5cc4-0ca4-4e9d-91a9-91fb4ffaabd5" providerId="AD" clId="Web-{865D7057-6EB0-45A4-A35D-7BFD2CE0628E}" dt="2022-12-04T20:55:57.979" v="21"/>
        <pc:sldMkLst>
          <pc:docMk/>
          <pc:sldMk cId="864716323" sldId="315"/>
        </pc:sldMkLst>
        <pc:spChg chg="del">
          <ac:chgData name="Lukasz Kutrzuba" userId="S::lukasz.kutrzuba@ericsson.com::362f5cc4-0ca4-4e9d-91a9-91fb4ffaabd5" providerId="AD" clId="Web-{865D7057-6EB0-45A4-A35D-7BFD2CE0628E}" dt="2022-12-04T20:55:57.682" v="20"/>
          <ac:spMkLst>
            <pc:docMk/>
            <pc:sldMk cId="864716323" sldId="315"/>
            <ac:spMk id="5" creationId="{8DC56D3F-89A0-84E4-670C-859FE6DF9B95}"/>
          </ac:spMkLst>
        </pc:spChg>
        <pc:spChg chg="add">
          <ac:chgData name="Lukasz Kutrzuba" userId="S::lukasz.kutrzuba@ericsson.com::362f5cc4-0ca4-4e9d-91a9-91fb4ffaabd5" providerId="AD" clId="Web-{865D7057-6EB0-45A4-A35D-7BFD2CE0628E}" dt="2022-12-04T20:55:57.979" v="21"/>
          <ac:spMkLst>
            <pc:docMk/>
            <pc:sldMk cId="864716323" sldId="315"/>
            <ac:spMk id="6" creationId="{5036F3E0-9AF7-2C9B-FE71-048FB1320CA8}"/>
          </ac:spMkLst>
        </pc:spChg>
      </pc:sldChg>
      <pc:sldChg chg="addSp delSp">
        <pc:chgData name="Lukasz Kutrzuba" userId="S::lukasz.kutrzuba@ericsson.com::362f5cc4-0ca4-4e9d-91a9-91fb4ffaabd5" providerId="AD" clId="Web-{865D7057-6EB0-45A4-A35D-7BFD2CE0628E}" dt="2022-12-04T20:55:47.963" v="17"/>
        <pc:sldMkLst>
          <pc:docMk/>
          <pc:sldMk cId="71151763" sldId="316"/>
        </pc:sldMkLst>
        <pc:spChg chg="add">
          <ac:chgData name="Lukasz Kutrzuba" userId="S::lukasz.kutrzuba@ericsson.com::362f5cc4-0ca4-4e9d-91a9-91fb4ffaabd5" providerId="AD" clId="Web-{865D7057-6EB0-45A4-A35D-7BFD2CE0628E}" dt="2022-12-04T20:55:47.963" v="17"/>
          <ac:spMkLst>
            <pc:docMk/>
            <pc:sldMk cId="71151763" sldId="316"/>
            <ac:spMk id="5" creationId="{AF536127-CB65-9F28-BFBB-8AD169D617FD}"/>
          </ac:spMkLst>
        </pc:spChg>
        <pc:spChg chg="del">
          <ac:chgData name="Lukasz Kutrzuba" userId="S::lukasz.kutrzuba@ericsson.com::362f5cc4-0ca4-4e9d-91a9-91fb4ffaabd5" providerId="AD" clId="Web-{865D7057-6EB0-45A4-A35D-7BFD2CE0628E}" dt="2022-12-04T20:55:47.510" v="16"/>
          <ac:spMkLst>
            <pc:docMk/>
            <pc:sldMk cId="71151763" sldId="316"/>
            <ac:spMk id="6" creationId="{91CAD5B1-46F7-06BD-2ED2-A8078F95D2C9}"/>
          </ac:spMkLst>
        </pc:spChg>
      </pc:sldChg>
      <pc:sldChg chg="addSp delSp">
        <pc:chgData name="Lukasz Kutrzuba" userId="S::lukasz.kutrzuba@ericsson.com::362f5cc4-0ca4-4e9d-91a9-91fb4ffaabd5" providerId="AD" clId="Web-{865D7057-6EB0-45A4-A35D-7BFD2CE0628E}" dt="2022-12-04T20:55:41.103" v="13"/>
        <pc:sldMkLst>
          <pc:docMk/>
          <pc:sldMk cId="3584275556" sldId="317"/>
        </pc:sldMkLst>
        <pc:spChg chg="del">
          <ac:chgData name="Lukasz Kutrzuba" userId="S::lukasz.kutrzuba@ericsson.com::362f5cc4-0ca4-4e9d-91a9-91fb4ffaabd5" providerId="AD" clId="Web-{865D7057-6EB0-45A4-A35D-7BFD2CE0628E}" dt="2022-12-04T20:55:40.775" v="12"/>
          <ac:spMkLst>
            <pc:docMk/>
            <pc:sldMk cId="3584275556" sldId="317"/>
            <ac:spMk id="5" creationId="{8C9EDCBC-EA5A-9092-08F3-4D2498C273AE}"/>
          </ac:spMkLst>
        </pc:spChg>
        <pc:spChg chg="add">
          <ac:chgData name="Lukasz Kutrzuba" userId="S::lukasz.kutrzuba@ericsson.com::362f5cc4-0ca4-4e9d-91a9-91fb4ffaabd5" providerId="AD" clId="Web-{865D7057-6EB0-45A4-A35D-7BFD2CE0628E}" dt="2022-12-04T20:55:41.103" v="13"/>
          <ac:spMkLst>
            <pc:docMk/>
            <pc:sldMk cId="3584275556" sldId="317"/>
            <ac:spMk id="6" creationId="{4B496CC4-AB2B-2F16-5665-588EAE317D91}"/>
          </ac:spMkLst>
        </pc:spChg>
      </pc:sldChg>
      <pc:sldChg chg="addSp delSp">
        <pc:chgData name="Lukasz Kutrzuba" userId="S::lukasz.kutrzuba@ericsson.com::362f5cc4-0ca4-4e9d-91a9-91fb4ffaabd5" providerId="AD" clId="Web-{865D7057-6EB0-45A4-A35D-7BFD2CE0628E}" dt="2022-12-04T20:55:45.197" v="15"/>
        <pc:sldMkLst>
          <pc:docMk/>
          <pc:sldMk cId="1824887045" sldId="318"/>
        </pc:sldMkLst>
        <pc:spChg chg="del">
          <ac:chgData name="Lukasz Kutrzuba" userId="S::lukasz.kutrzuba@ericsson.com::362f5cc4-0ca4-4e9d-91a9-91fb4ffaabd5" providerId="AD" clId="Web-{865D7057-6EB0-45A4-A35D-7BFD2CE0628E}" dt="2022-12-04T20:55:43.963" v="14"/>
          <ac:spMkLst>
            <pc:docMk/>
            <pc:sldMk cId="1824887045" sldId="318"/>
            <ac:spMk id="5" creationId="{E6C0B1BD-603F-AF86-BC6F-020A35A8C18E}"/>
          </ac:spMkLst>
        </pc:spChg>
        <pc:spChg chg="add">
          <ac:chgData name="Lukasz Kutrzuba" userId="S::lukasz.kutrzuba@ericsson.com::362f5cc4-0ca4-4e9d-91a9-91fb4ffaabd5" providerId="AD" clId="Web-{865D7057-6EB0-45A4-A35D-7BFD2CE0628E}" dt="2022-12-04T20:55:45.197" v="15"/>
          <ac:spMkLst>
            <pc:docMk/>
            <pc:sldMk cId="1824887045" sldId="318"/>
            <ac:spMk id="6" creationId="{9E7D31C7-C3FD-6E9D-74DD-067B5B15E795}"/>
          </ac:spMkLst>
        </pc:spChg>
      </pc:sldChg>
      <pc:sldChg chg="addSp delSp">
        <pc:chgData name="Lukasz Kutrzuba" userId="S::lukasz.kutrzuba@ericsson.com::362f5cc4-0ca4-4e9d-91a9-91fb4ffaabd5" providerId="AD" clId="Web-{865D7057-6EB0-45A4-A35D-7BFD2CE0628E}" dt="2022-12-04T21:00:09.708" v="35"/>
        <pc:sldMkLst>
          <pc:docMk/>
          <pc:sldMk cId="4027915597" sldId="321"/>
        </pc:sldMkLst>
        <pc:spChg chg="add del">
          <ac:chgData name="Lukasz Kutrzuba" userId="S::lukasz.kutrzuba@ericsson.com::362f5cc4-0ca4-4e9d-91a9-91fb4ffaabd5" providerId="AD" clId="Web-{865D7057-6EB0-45A4-A35D-7BFD2CE0628E}" dt="2022-12-04T21:00:04.426" v="32"/>
          <ac:spMkLst>
            <pc:docMk/>
            <pc:sldMk cId="4027915597" sldId="321"/>
            <ac:spMk id="2" creationId="{EA1EC3C3-D727-29C7-245B-D557D2BB789D}"/>
          </ac:spMkLst>
        </pc:spChg>
        <pc:spChg chg="add">
          <ac:chgData name="Lukasz Kutrzuba" userId="S::lukasz.kutrzuba@ericsson.com::362f5cc4-0ca4-4e9d-91a9-91fb4ffaabd5" providerId="AD" clId="Web-{865D7057-6EB0-45A4-A35D-7BFD2CE0628E}" dt="2022-12-04T21:00:09.708" v="35"/>
          <ac:spMkLst>
            <pc:docMk/>
            <pc:sldMk cId="4027915597" sldId="321"/>
            <ac:spMk id="3" creationId="{D9466C12-2AB2-BB6E-52DE-114F3A7252CE}"/>
          </ac:spMkLst>
        </pc:spChg>
        <pc:spChg chg="del">
          <ac:chgData name="Lukasz Kutrzuba" userId="S::lukasz.kutrzuba@ericsson.com::362f5cc4-0ca4-4e9d-91a9-91fb4ffaabd5" providerId="AD" clId="Web-{865D7057-6EB0-45A4-A35D-7BFD2CE0628E}" dt="2022-12-04T20:58:13.172" v="28"/>
          <ac:spMkLst>
            <pc:docMk/>
            <pc:sldMk cId="4027915597" sldId="321"/>
            <ac:spMk id="8" creationId="{77F01F4E-3FEC-4D34-83B4-215A2BAD333C}"/>
          </ac:spMkLst>
        </pc:spChg>
      </pc:sldChg>
      <pc:sldChg chg="addSp delSp modSp">
        <pc:chgData name="Lukasz Kutrzuba" userId="S::lukasz.kutrzuba@ericsson.com::362f5cc4-0ca4-4e9d-91a9-91fb4ffaabd5" providerId="AD" clId="Web-{865D7057-6EB0-45A4-A35D-7BFD2CE0628E}" dt="2022-12-04T21:00:42.615" v="39" actId="1076"/>
        <pc:sldMkLst>
          <pc:docMk/>
          <pc:sldMk cId="3399295466" sldId="324"/>
        </pc:sldMkLst>
        <pc:spChg chg="add mod">
          <ac:chgData name="Lukasz Kutrzuba" userId="S::lukasz.kutrzuba@ericsson.com::362f5cc4-0ca4-4e9d-91a9-91fb4ffaabd5" providerId="AD" clId="Web-{865D7057-6EB0-45A4-A35D-7BFD2CE0628E}" dt="2022-12-04T21:00:42.615" v="39" actId="1076"/>
          <ac:spMkLst>
            <pc:docMk/>
            <pc:sldMk cId="3399295466" sldId="324"/>
            <ac:spMk id="4" creationId="{437307F4-B763-2E7D-D1B3-FFD4DB0BF86C}"/>
          </ac:spMkLst>
        </pc:spChg>
        <pc:spChg chg="del">
          <ac:chgData name="Lukasz Kutrzuba" userId="S::lukasz.kutrzuba@ericsson.com::362f5cc4-0ca4-4e9d-91a9-91fb4ffaabd5" providerId="AD" clId="Web-{865D7057-6EB0-45A4-A35D-7BFD2CE0628E}" dt="2022-12-04T21:00:38.521" v="38"/>
          <ac:spMkLst>
            <pc:docMk/>
            <pc:sldMk cId="3399295466" sldId="324"/>
            <ac:spMk id="7" creationId="{319AC7AC-4961-4DE6-BCBF-13A445327E27}"/>
          </ac:spMkLst>
        </pc:spChg>
      </pc:sldChg>
      <pc:sldChg chg="addSp delSp">
        <pc:chgData name="Lukasz Kutrzuba" userId="S::lukasz.kutrzuba@ericsson.com::362f5cc4-0ca4-4e9d-91a9-91fb4ffaabd5" providerId="AD" clId="Web-{865D7057-6EB0-45A4-A35D-7BFD2CE0628E}" dt="2022-12-04T21:00:48.522" v="41"/>
        <pc:sldMkLst>
          <pc:docMk/>
          <pc:sldMk cId="1899471179" sldId="330"/>
        </pc:sldMkLst>
        <pc:spChg chg="add">
          <ac:chgData name="Lukasz Kutrzuba" userId="S::lukasz.kutrzuba@ericsson.com::362f5cc4-0ca4-4e9d-91a9-91fb4ffaabd5" providerId="AD" clId="Web-{865D7057-6EB0-45A4-A35D-7BFD2CE0628E}" dt="2022-12-04T21:00:48.522" v="41"/>
          <ac:spMkLst>
            <pc:docMk/>
            <pc:sldMk cId="1899471179" sldId="330"/>
            <ac:spMk id="3" creationId="{0ED8C76F-B6CA-4E6E-3D1C-C697007497DD}"/>
          </ac:spMkLst>
        </pc:spChg>
        <pc:spChg chg="del">
          <ac:chgData name="Lukasz Kutrzuba" userId="S::lukasz.kutrzuba@ericsson.com::362f5cc4-0ca4-4e9d-91a9-91fb4ffaabd5" providerId="AD" clId="Web-{865D7057-6EB0-45A4-A35D-7BFD2CE0628E}" dt="2022-12-04T21:00:48.115" v="40"/>
          <ac:spMkLst>
            <pc:docMk/>
            <pc:sldMk cId="1899471179" sldId="330"/>
            <ac:spMk id="6" creationId="{23813254-11BF-4915-9DCD-673BECD4D6BF}"/>
          </ac:spMkLst>
        </pc:spChg>
      </pc:sldChg>
      <pc:sldChg chg="modSp">
        <pc:chgData name="Lukasz Kutrzuba" userId="S::lukasz.kutrzuba@ericsson.com::362f5cc4-0ca4-4e9d-91a9-91fb4ffaabd5" providerId="AD" clId="Web-{865D7057-6EB0-45A4-A35D-7BFD2CE0628E}" dt="2022-12-04T21:03:46.779" v="48" actId="14100"/>
        <pc:sldMkLst>
          <pc:docMk/>
          <pc:sldMk cId="2678793186" sldId="345"/>
        </pc:sldMkLst>
        <pc:picChg chg="mod">
          <ac:chgData name="Lukasz Kutrzuba" userId="S::lukasz.kutrzuba@ericsson.com::362f5cc4-0ca4-4e9d-91a9-91fb4ffaabd5" providerId="AD" clId="Web-{865D7057-6EB0-45A4-A35D-7BFD2CE0628E}" dt="2022-12-04T21:03:46.779" v="48" actId="14100"/>
          <ac:picMkLst>
            <pc:docMk/>
            <pc:sldMk cId="2678793186" sldId="345"/>
            <ac:picMk id="10" creationId="{3DBEB729-1203-44C5-AFA2-B745B6A191BC}"/>
          </ac:picMkLst>
        </pc:picChg>
      </pc:sldChg>
      <pc:sldChg chg="modSp">
        <pc:chgData name="Lukasz Kutrzuba" userId="S::lukasz.kutrzuba@ericsson.com::362f5cc4-0ca4-4e9d-91a9-91fb4ffaabd5" providerId="AD" clId="Web-{865D7057-6EB0-45A4-A35D-7BFD2CE0628E}" dt="2022-12-04T21:03:20.168" v="47" actId="14100"/>
        <pc:sldMkLst>
          <pc:docMk/>
          <pc:sldMk cId="2506540590" sldId="347"/>
        </pc:sldMkLst>
        <pc:picChg chg="mod">
          <ac:chgData name="Lukasz Kutrzuba" userId="S::lukasz.kutrzuba@ericsson.com::362f5cc4-0ca4-4e9d-91a9-91fb4ffaabd5" providerId="AD" clId="Web-{865D7057-6EB0-45A4-A35D-7BFD2CE0628E}" dt="2022-12-04T21:03:20.168" v="47" actId="14100"/>
          <ac:picMkLst>
            <pc:docMk/>
            <pc:sldMk cId="2506540590" sldId="347"/>
            <ac:picMk id="10" creationId="{3DBEB729-1203-44C5-AFA2-B745B6A191BC}"/>
          </ac:picMkLst>
        </pc:picChg>
      </pc:sldChg>
      <pc:sldChg chg="addSp delSp">
        <pc:chgData name="Lukasz Kutrzuba" userId="S::lukasz.kutrzuba@ericsson.com::362f5cc4-0ca4-4e9d-91a9-91fb4ffaabd5" providerId="AD" clId="Web-{865D7057-6EB0-45A4-A35D-7BFD2CE0628E}" dt="2022-12-04T21:00:53.116" v="43"/>
        <pc:sldMkLst>
          <pc:docMk/>
          <pc:sldMk cId="2628259242" sldId="356"/>
        </pc:sldMkLst>
        <pc:spChg chg="add">
          <ac:chgData name="Lukasz Kutrzuba" userId="S::lukasz.kutrzuba@ericsson.com::362f5cc4-0ca4-4e9d-91a9-91fb4ffaabd5" providerId="AD" clId="Web-{865D7057-6EB0-45A4-A35D-7BFD2CE0628E}" dt="2022-12-04T21:00:53.116" v="43"/>
          <ac:spMkLst>
            <pc:docMk/>
            <pc:sldMk cId="2628259242" sldId="356"/>
            <ac:spMk id="5" creationId="{361673EC-CF36-61B5-C68C-B4DAD9414898}"/>
          </ac:spMkLst>
        </pc:spChg>
        <pc:spChg chg="del">
          <ac:chgData name="Lukasz Kutrzuba" userId="S::lukasz.kutrzuba@ericsson.com::362f5cc4-0ca4-4e9d-91a9-91fb4ffaabd5" providerId="AD" clId="Web-{865D7057-6EB0-45A4-A35D-7BFD2CE0628E}" dt="2022-12-04T21:00:52.772" v="42"/>
          <ac:spMkLst>
            <pc:docMk/>
            <pc:sldMk cId="2628259242" sldId="356"/>
            <ac:spMk id="8" creationId="{42BB9A99-C80D-4C2C-9EC7-30D6A3EAA4E9}"/>
          </ac:spMkLst>
        </pc:spChg>
      </pc:sldChg>
      <pc:sldChg chg="addSp delSp">
        <pc:chgData name="Lukasz Kutrzuba" userId="S::lukasz.kutrzuba@ericsson.com::362f5cc4-0ca4-4e9d-91a9-91fb4ffaabd5" providerId="AD" clId="Web-{865D7057-6EB0-45A4-A35D-7BFD2CE0628E}" dt="2022-12-04T20:56:19.714" v="23"/>
        <pc:sldMkLst>
          <pc:docMk/>
          <pc:sldMk cId="1798889288" sldId="360"/>
        </pc:sldMkLst>
        <pc:spChg chg="del">
          <ac:chgData name="Lukasz Kutrzuba" userId="S::lukasz.kutrzuba@ericsson.com::362f5cc4-0ca4-4e9d-91a9-91fb4ffaabd5" providerId="AD" clId="Web-{865D7057-6EB0-45A4-A35D-7BFD2CE0628E}" dt="2022-12-04T20:56:18.199" v="22"/>
          <ac:spMkLst>
            <pc:docMk/>
            <pc:sldMk cId="1798889288" sldId="360"/>
            <ac:spMk id="5" creationId="{075C3815-38CD-9910-2F07-187CAB903D67}"/>
          </ac:spMkLst>
        </pc:spChg>
        <pc:spChg chg="add">
          <ac:chgData name="Lukasz Kutrzuba" userId="S::lukasz.kutrzuba@ericsson.com::362f5cc4-0ca4-4e9d-91a9-91fb4ffaabd5" providerId="AD" clId="Web-{865D7057-6EB0-45A4-A35D-7BFD2CE0628E}" dt="2022-12-04T20:56:19.714" v="23"/>
          <ac:spMkLst>
            <pc:docMk/>
            <pc:sldMk cId="1798889288" sldId="360"/>
            <ac:spMk id="6" creationId="{78F53178-EDB3-7FBF-1FE7-13182E156405}"/>
          </ac:spMkLst>
        </pc:spChg>
      </pc:sldChg>
      <pc:sldChg chg="addSp delSp">
        <pc:chgData name="Lukasz Kutrzuba" userId="S::lukasz.kutrzuba@ericsson.com::362f5cc4-0ca4-4e9d-91a9-91fb4ffaabd5" providerId="AD" clId="Web-{865D7057-6EB0-45A4-A35D-7BFD2CE0628E}" dt="2022-12-04T20:56:25.527" v="25"/>
        <pc:sldMkLst>
          <pc:docMk/>
          <pc:sldMk cId="1578233730" sldId="366"/>
        </pc:sldMkLst>
        <pc:spChg chg="del">
          <ac:chgData name="Lukasz Kutrzuba" userId="S::lukasz.kutrzuba@ericsson.com::362f5cc4-0ca4-4e9d-91a9-91fb4ffaabd5" providerId="AD" clId="Web-{865D7057-6EB0-45A4-A35D-7BFD2CE0628E}" dt="2022-12-04T20:56:25.121" v="24"/>
          <ac:spMkLst>
            <pc:docMk/>
            <pc:sldMk cId="1578233730" sldId="366"/>
            <ac:spMk id="4" creationId="{CAB5EF06-43CD-BFA6-7DCB-A78590F6F219}"/>
          </ac:spMkLst>
        </pc:spChg>
        <pc:spChg chg="add">
          <ac:chgData name="Lukasz Kutrzuba" userId="S::lukasz.kutrzuba@ericsson.com::362f5cc4-0ca4-4e9d-91a9-91fb4ffaabd5" providerId="AD" clId="Web-{865D7057-6EB0-45A4-A35D-7BFD2CE0628E}" dt="2022-12-04T20:56:25.527" v="25"/>
          <ac:spMkLst>
            <pc:docMk/>
            <pc:sldMk cId="1578233730" sldId="366"/>
            <ac:spMk id="5" creationId="{32462E15-C176-86B2-E9A1-C99F025E7135}"/>
          </ac:spMkLst>
        </pc:spChg>
      </pc:sldChg>
      <pc:sldChg chg="addSp delSp">
        <pc:chgData name="Lukasz Kutrzuba" userId="S::lukasz.kutrzuba@ericsson.com::362f5cc4-0ca4-4e9d-91a9-91fb4ffaabd5" providerId="AD" clId="Web-{865D7057-6EB0-45A4-A35D-7BFD2CE0628E}" dt="2022-12-04T21:00:07.442" v="34"/>
        <pc:sldMkLst>
          <pc:docMk/>
          <pc:sldMk cId="3746881630" sldId="373"/>
        </pc:sldMkLst>
        <pc:spChg chg="add del">
          <ac:chgData name="Lukasz Kutrzuba" userId="S::lukasz.kutrzuba@ericsson.com::362f5cc4-0ca4-4e9d-91a9-91fb4ffaabd5" providerId="AD" clId="Web-{865D7057-6EB0-45A4-A35D-7BFD2CE0628E}" dt="2022-12-04T21:00:07.442" v="34"/>
          <ac:spMkLst>
            <pc:docMk/>
            <pc:sldMk cId="3746881630" sldId="373"/>
            <ac:spMk id="3" creationId="{F4FC89F1-8441-E9AA-3319-80D6DFF78D22}"/>
          </ac:spMkLst>
        </pc:spChg>
        <pc:spChg chg="add">
          <ac:chgData name="Lukasz Kutrzuba" userId="S::lukasz.kutrzuba@ericsson.com::362f5cc4-0ca4-4e9d-91a9-91fb4ffaabd5" providerId="AD" clId="Web-{865D7057-6EB0-45A4-A35D-7BFD2CE0628E}" dt="2022-12-04T21:00:05.801" v="33"/>
          <ac:spMkLst>
            <pc:docMk/>
            <pc:sldMk cId="3746881630" sldId="373"/>
            <ac:spMk id="4" creationId="{D79461C4-145D-7C02-F5EE-F723DC1EA326}"/>
          </ac:spMkLst>
        </pc:spChg>
        <pc:spChg chg="del">
          <ac:chgData name="Lukasz Kutrzuba" userId="S::lukasz.kutrzuba@ericsson.com::362f5cc4-0ca4-4e9d-91a9-91fb4ffaabd5" providerId="AD" clId="Web-{865D7057-6EB0-45A4-A35D-7BFD2CE0628E}" dt="2022-12-04T20:58:17.406" v="30"/>
          <ac:spMkLst>
            <pc:docMk/>
            <pc:sldMk cId="3746881630" sldId="373"/>
            <ac:spMk id="6" creationId="{A23D909A-E282-49FB-904B-87EF356685A8}"/>
          </ac:spMkLst>
        </pc:spChg>
      </pc:sldChg>
    </pc:docChg>
  </pc:docChgLst>
  <pc:docChgLst>
    <pc:chgData name="Lukasz Kutrzuba" userId="S::lukasz.kutrzuba@ericsson.com::362f5cc4-0ca4-4e9d-91a9-91fb4ffaabd5" providerId="AD" clId="Web-{158952AF-202A-4F54-A04E-444BE5D3E579}"/>
    <pc:docChg chg="modSld">
      <pc:chgData name="Lukasz Kutrzuba" userId="S::lukasz.kutrzuba@ericsson.com::362f5cc4-0ca4-4e9d-91a9-91fb4ffaabd5" providerId="AD" clId="Web-{158952AF-202A-4F54-A04E-444BE5D3E579}" dt="2022-11-25T12:50:31.503" v="18" actId="1076"/>
      <pc:docMkLst>
        <pc:docMk/>
      </pc:docMkLst>
      <pc:sldChg chg="modSp">
        <pc:chgData name="Lukasz Kutrzuba" userId="S::lukasz.kutrzuba@ericsson.com::362f5cc4-0ca4-4e9d-91a9-91fb4ffaabd5" providerId="AD" clId="Web-{158952AF-202A-4F54-A04E-444BE5D3E579}" dt="2022-11-25T12:49:54.111" v="17" actId="1076"/>
        <pc:sldMkLst>
          <pc:docMk/>
          <pc:sldMk cId="2545479707" sldId="280"/>
        </pc:sldMkLst>
        <pc:picChg chg="mod">
          <ac:chgData name="Lukasz Kutrzuba" userId="S::lukasz.kutrzuba@ericsson.com::362f5cc4-0ca4-4e9d-91a9-91fb4ffaabd5" providerId="AD" clId="Web-{158952AF-202A-4F54-A04E-444BE5D3E579}" dt="2022-11-25T12:49:42.829" v="13" actId="1076"/>
          <ac:picMkLst>
            <pc:docMk/>
            <pc:sldMk cId="2545479707" sldId="280"/>
            <ac:picMk id="8" creationId="{4D74C5B5-BF4C-4743-835C-6D0ABC1B48CC}"/>
          </ac:picMkLst>
        </pc:picChg>
        <pc:picChg chg="mod">
          <ac:chgData name="Lukasz Kutrzuba" userId="S::lukasz.kutrzuba@ericsson.com::362f5cc4-0ca4-4e9d-91a9-91fb4ffaabd5" providerId="AD" clId="Web-{158952AF-202A-4F54-A04E-444BE5D3E579}" dt="2022-11-25T12:49:54.111" v="17" actId="1076"/>
          <ac:picMkLst>
            <pc:docMk/>
            <pc:sldMk cId="2545479707" sldId="280"/>
            <ac:picMk id="1026" creationId="{6A00C471-3383-4976-8714-786F620138AB}"/>
          </ac:picMkLst>
        </pc:picChg>
        <pc:picChg chg="mod">
          <ac:chgData name="Lukasz Kutrzuba" userId="S::lukasz.kutrzuba@ericsson.com::362f5cc4-0ca4-4e9d-91a9-91fb4ffaabd5" providerId="AD" clId="Web-{158952AF-202A-4F54-A04E-444BE5D3E579}" dt="2022-11-25T12:49:44.298" v="14" actId="1076"/>
          <ac:picMkLst>
            <pc:docMk/>
            <pc:sldMk cId="2545479707" sldId="280"/>
            <ac:picMk id="1030" creationId="{5697AC36-26D1-47A7-926E-6189D154EE35}"/>
          </ac:picMkLst>
        </pc:picChg>
        <pc:picChg chg="mod">
          <ac:chgData name="Lukasz Kutrzuba" userId="S::lukasz.kutrzuba@ericsson.com::362f5cc4-0ca4-4e9d-91a9-91fb4ffaabd5" providerId="AD" clId="Web-{158952AF-202A-4F54-A04E-444BE5D3E579}" dt="2022-11-25T12:49:48.064" v="16" actId="1076"/>
          <ac:picMkLst>
            <pc:docMk/>
            <pc:sldMk cId="2545479707" sldId="280"/>
            <ac:picMk id="1032" creationId="{6B33F243-693F-464E-AF2B-AFBEE6F27770}"/>
          </ac:picMkLst>
        </pc:picChg>
      </pc:sldChg>
      <pc:sldChg chg="modSp">
        <pc:chgData name="Lukasz Kutrzuba" userId="S::lukasz.kutrzuba@ericsson.com::362f5cc4-0ca4-4e9d-91a9-91fb4ffaabd5" providerId="AD" clId="Web-{158952AF-202A-4F54-A04E-444BE5D3E579}" dt="2022-11-25T12:50:31.503" v="18" actId="1076"/>
        <pc:sldMkLst>
          <pc:docMk/>
          <pc:sldMk cId="723220155" sldId="281"/>
        </pc:sldMkLst>
        <pc:picChg chg="mod">
          <ac:chgData name="Lukasz Kutrzuba" userId="S::lukasz.kutrzuba@ericsson.com::362f5cc4-0ca4-4e9d-91a9-91fb4ffaabd5" providerId="AD" clId="Web-{158952AF-202A-4F54-A04E-444BE5D3E579}" dt="2022-11-25T12:49:11.844" v="6" actId="1076"/>
          <ac:picMkLst>
            <pc:docMk/>
            <pc:sldMk cId="723220155" sldId="281"/>
            <ac:picMk id="2050" creationId="{CF25A878-EE1B-4B5C-A275-FEC63D76912E}"/>
          </ac:picMkLst>
        </pc:picChg>
        <pc:picChg chg="mod">
          <ac:chgData name="Lukasz Kutrzuba" userId="S::lukasz.kutrzuba@ericsson.com::362f5cc4-0ca4-4e9d-91a9-91fb4ffaabd5" providerId="AD" clId="Web-{158952AF-202A-4F54-A04E-444BE5D3E579}" dt="2022-11-25T12:49:16.219" v="8" actId="1076"/>
          <ac:picMkLst>
            <pc:docMk/>
            <pc:sldMk cId="723220155" sldId="281"/>
            <ac:picMk id="2052" creationId="{DFB993E0-2B1E-42A5-B97D-CD16B0A8AB67}"/>
          </ac:picMkLst>
        </pc:picChg>
        <pc:picChg chg="mod">
          <ac:chgData name="Lukasz Kutrzuba" userId="S::lukasz.kutrzuba@ericsson.com::362f5cc4-0ca4-4e9d-91a9-91fb4ffaabd5" providerId="AD" clId="Web-{158952AF-202A-4F54-A04E-444BE5D3E579}" dt="2022-11-25T12:49:13.984" v="7" actId="1076"/>
          <ac:picMkLst>
            <pc:docMk/>
            <pc:sldMk cId="723220155" sldId="281"/>
            <ac:picMk id="2056" creationId="{E00FAF90-138E-4ACB-BCAA-6475D49A7E2E}"/>
          </ac:picMkLst>
        </pc:picChg>
        <pc:picChg chg="mod">
          <ac:chgData name="Lukasz Kutrzuba" userId="S::lukasz.kutrzuba@ericsson.com::362f5cc4-0ca4-4e9d-91a9-91fb4ffaabd5" providerId="AD" clId="Web-{158952AF-202A-4F54-A04E-444BE5D3E579}" dt="2022-11-25T12:49:21.188" v="11" actId="1076"/>
          <ac:picMkLst>
            <pc:docMk/>
            <pc:sldMk cId="723220155" sldId="281"/>
            <ac:picMk id="5122" creationId="{90B4F3F4-BCDF-449F-81C1-FF6FAE9CE053}"/>
          </ac:picMkLst>
        </pc:picChg>
        <pc:picChg chg="mod">
          <ac:chgData name="Lukasz Kutrzuba" userId="S::lukasz.kutrzuba@ericsson.com::362f5cc4-0ca4-4e9d-91a9-91fb4ffaabd5" providerId="AD" clId="Web-{158952AF-202A-4F54-A04E-444BE5D3E579}" dt="2022-11-25T12:50:31.503" v="18" actId="1076"/>
          <ac:picMkLst>
            <pc:docMk/>
            <pc:sldMk cId="723220155" sldId="281"/>
            <ac:picMk id="5124" creationId="{EFCBDBD6-5442-4F83-B017-11C886F86E9A}"/>
          </ac:picMkLst>
        </pc:picChg>
      </pc:sldChg>
      <pc:sldChg chg="modSp">
        <pc:chgData name="Lukasz Kutrzuba" userId="S::lukasz.kutrzuba@ericsson.com::362f5cc4-0ca4-4e9d-91a9-91fb4ffaabd5" providerId="AD" clId="Web-{158952AF-202A-4F54-A04E-444BE5D3E579}" dt="2022-11-25T12:46:45.385" v="1" actId="1076"/>
        <pc:sldMkLst>
          <pc:docMk/>
          <pc:sldMk cId="1936163950" sldId="295"/>
        </pc:sldMkLst>
        <pc:grpChg chg="mod">
          <ac:chgData name="Lukasz Kutrzuba" userId="S::lukasz.kutrzuba@ericsson.com::362f5cc4-0ca4-4e9d-91a9-91fb4ffaabd5" providerId="AD" clId="Web-{158952AF-202A-4F54-A04E-444BE5D3E579}" dt="2022-11-25T12:46:45.385" v="1" actId="1076"/>
          <ac:grpSpMkLst>
            <pc:docMk/>
            <pc:sldMk cId="1936163950" sldId="295"/>
            <ac:grpSpMk id="6" creationId="{26FB2E20-5CFB-8A84-3D3D-64F47DE33FDC}"/>
          </ac:grpSpMkLst>
        </pc:grpChg>
        <pc:picChg chg="mod">
          <ac:chgData name="Lukasz Kutrzuba" userId="S::lukasz.kutrzuba@ericsson.com::362f5cc4-0ca4-4e9d-91a9-91fb4ffaabd5" providerId="AD" clId="Web-{158952AF-202A-4F54-A04E-444BE5D3E579}" dt="2022-11-25T12:45:05.788" v="0" actId="14100"/>
          <ac:picMkLst>
            <pc:docMk/>
            <pc:sldMk cId="1936163950" sldId="295"/>
            <ac:picMk id="7" creationId="{AF378E94-B71C-293F-6211-34DD1989638A}"/>
          </ac:picMkLst>
        </pc:picChg>
      </pc:sldChg>
    </pc:docChg>
  </pc:docChgLst>
  <pc:docChgLst>
    <pc:chgData name="Lukasz Kutrzuba" userId="S::lukasz.kutrzuba@ericsson.com::362f5cc4-0ca4-4e9d-91a9-91fb4ffaabd5" providerId="AD" clId="Web-{E4CECC94-7745-42A3-9B27-7E58EDE4BF32}"/>
    <pc:docChg chg="addSld modSld">
      <pc:chgData name="Lukasz Kutrzuba" userId="S::lukasz.kutrzuba@ericsson.com::362f5cc4-0ca4-4e9d-91a9-91fb4ffaabd5" providerId="AD" clId="Web-{E4CECC94-7745-42A3-9B27-7E58EDE4BF32}" dt="2022-11-25T15:14:57.235" v="261" actId="20577"/>
      <pc:docMkLst>
        <pc:docMk/>
      </pc:docMkLst>
      <pc:sldChg chg="modSp">
        <pc:chgData name="Lukasz Kutrzuba" userId="S::lukasz.kutrzuba@ericsson.com::362f5cc4-0ca4-4e9d-91a9-91fb4ffaabd5" providerId="AD" clId="Web-{E4CECC94-7745-42A3-9B27-7E58EDE4BF32}" dt="2022-11-25T14:54:30.841" v="2" actId="20577"/>
        <pc:sldMkLst>
          <pc:docMk/>
          <pc:sldMk cId="1388213951" sldId="293"/>
        </pc:sldMkLst>
        <pc:spChg chg="mod">
          <ac:chgData name="Lukasz Kutrzuba" userId="S::lukasz.kutrzuba@ericsson.com::362f5cc4-0ca4-4e9d-91a9-91fb4ffaabd5" providerId="AD" clId="Web-{E4CECC94-7745-42A3-9B27-7E58EDE4BF32}" dt="2022-11-25T14:54:30.841" v="2" actId="20577"/>
          <ac:spMkLst>
            <pc:docMk/>
            <pc:sldMk cId="1388213951" sldId="293"/>
            <ac:spMk id="16" creationId="{BD35B5D5-64E3-4CC1-ABDC-8B5C51E947A3}"/>
          </ac:spMkLst>
        </pc:spChg>
      </pc:sldChg>
      <pc:sldChg chg="modSp">
        <pc:chgData name="Lukasz Kutrzuba" userId="S::lukasz.kutrzuba@ericsson.com::362f5cc4-0ca4-4e9d-91a9-91fb4ffaabd5" providerId="AD" clId="Web-{E4CECC94-7745-42A3-9B27-7E58EDE4BF32}" dt="2022-11-25T14:57:09.289" v="8" actId="1076"/>
        <pc:sldMkLst>
          <pc:docMk/>
          <pc:sldMk cId="2530289182" sldId="297"/>
        </pc:sldMkLst>
        <pc:spChg chg="mod">
          <ac:chgData name="Lukasz Kutrzuba" userId="S::lukasz.kutrzuba@ericsson.com::362f5cc4-0ca4-4e9d-91a9-91fb4ffaabd5" providerId="AD" clId="Web-{E4CECC94-7745-42A3-9B27-7E58EDE4BF32}" dt="2022-11-25T14:57:09.289" v="8" actId="1076"/>
          <ac:spMkLst>
            <pc:docMk/>
            <pc:sldMk cId="2530289182" sldId="297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E4CECC94-7745-42A3-9B27-7E58EDE4BF32}" dt="2022-11-25T15:03:38.471" v="154" actId="14100"/>
        <pc:sldMkLst>
          <pc:docMk/>
          <pc:sldMk cId="2494811750" sldId="301"/>
        </pc:sldMkLst>
        <pc:spChg chg="mod">
          <ac:chgData name="Lukasz Kutrzuba" userId="S::lukasz.kutrzuba@ericsson.com::362f5cc4-0ca4-4e9d-91a9-91fb4ffaabd5" providerId="AD" clId="Web-{E4CECC94-7745-42A3-9B27-7E58EDE4BF32}" dt="2022-11-25T15:03:38.471" v="154" actId="14100"/>
          <ac:spMkLst>
            <pc:docMk/>
            <pc:sldMk cId="2494811750" sldId="301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E4CECC94-7745-42A3-9B27-7E58EDE4BF32}" dt="2022-11-25T15:06:04.981" v="228" actId="14100"/>
        <pc:sldMkLst>
          <pc:docMk/>
          <pc:sldMk cId="3666522024" sldId="307"/>
        </pc:sldMkLst>
        <pc:spChg chg="mod">
          <ac:chgData name="Lukasz Kutrzuba" userId="S::lukasz.kutrzuba@ericsson.com::362f5cc4-0ca4-4e9d-91a9-91fb4ffaabd5" providerId="AD" clId="Web-{E4CECC94-7745-42A3-9B27-7E58EDE4BF32}" dt="2022-11-25T15:06:04.981" v="228" actId="14100"/>
          <ac:spMkLst>
            <pc:docMk/>
            <pc:sldMk cId="3666522024" sldId="307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E4CECC94-7745-42A3-9B27-7E58EDE4BF32}" dt="2022-11-25T15:06:53.984" v="231" actId="20577"/>
        <pc:sldMkLst>
          <pc:docMk/>
          <pc:sldMk cId="1804972876" sldId="308"/>
        </pc:sldMkLst>
        <pc:spChg chg="mod">
          <ac:chgData name="Lukasz Kutrzuba" userId="S::lukasz.kutrzuba@ericsson.com::362f5cc4-0ca4-4e9d-91a9-91fb4ffaabd5" providerId="AD" clId="Web-{E4CECC94-7745-42A3-9B27-7E58EDE4BF32}" dt="2022-11-25T15:06:53.984" v="231" actId="20577"/>
          <ac:spMkLst>
            <pc:docMk/>
            <pc:sldMk cId="1804972876" sldId="308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E4CECC94-7745-42A3-9B27-7E58EDE4BF32}" dt="2022-11-25T15:07:32.174" v="235" actId="20577"/>
        <pc:sldMkLst>
          <pc:docMk/>
          <pc:sldMk cId="982755593" sldId="309"/>
        </pc:sldMkLst>
        <pc:spChg chg="mod">
          <ac:chgData name="Lukasz Kutrzuba" userId="S::lukasz.kutrzuba@ericsson.com::362f5cc4-0ca4-4e9d-91a9-91fb4ffaabd5" providerId="AD" clId="Web-{E4CECC94-7745-42A3-9B27-7E58EDE4BF32}" dt="2022-11-25T15:07:32.174" v="235" actId="20577"/>
          <ac:spMkLst>
            <pc:docMk/>
            <pc:sldMk cId="982755593" sldId="309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E4CECC94-7745-42A3-9B27-7E58EDE4BF32}" dt="2022-11-25T15:08:25.850" v="245" actId="1076"/>
        <pc:sldMkLst>
          <pc:docMk/>
          <pc:sldMk cId="928204253" sldId="310"/>
        </pc:sldMkLst>
        <pc:spChg chg="mod">
          <ac:chgData name="Lukasz Kutrzuba" userId="S::lukasz.kutrzuba@ericsson.com::362f5cc4-0ca4-4e9d-91a9-91fb4ffaabd5" providerId="AD" clId="Web-{E4CECC94-7745-42A3-9B27-7E58EDE4BF32}" dt="2022-11-25T15:08:21.115" v="244" actId="20577"/>
          <ac:spMkLst>
            <pc:docMk/>
            <pc:sldMk cId="928204253" sldId="310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E4CECC94-7745-42A3-9B27-7E58EDE4BF32}" dt="2022-11-25T15:08:25.850" v="245" actId="1076"/>
          <ac:spMkLst>
            <pc:docMk/>
            <pc:sldMk cId="928204253" sldId="310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E4CECC94-7745-42A3-9B27-7E58EDE4BF32}" dt="2022-11-25T15:13:45.199" v="251" actId="20577"/>
        <pc:sldMkLst>
          <pc:docMk/>
          <pc:sldMk cId="4027915597" sldId="321"/>
        </pc:sldMkLst>
        <pc:spChg chg="mod">
          <ac:chgData name="Lukasz Kutrzuba" userId="S::lukasz.kutrzuba@ericsson.com::362f5cc4-0ca4-4e9d-91a9-91fb4ffaabd5" providerId="AD" clId="Web-{E4CECC94-7745-42A3-9B27-7E58EDE4BF32}" dt="2022-11-25T15:13:45.199" v="251" actId="20577"/>
          <ac:spMkLst>
            <pc:docMk/>
            <pc:sldMk cId="4027915597" sldId="321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E4CECC94-7745-42A3-9B27-7E58EDE4BF32}" dt="2022-11-25T15:14:57.235" v="261" actId="20577"/>
        <pc:sldMkLst>
          <pc:docMk/>
          <pc:sldMk cId="3242329092" sldId="329"/>
        </pc:sldMkLst>
        <pc:spChg chg="mod">
          <ac:chgData name="Lukasz Kutrzuba" userId="S::lukasz.kutrzuba@ericsson.com::362f5cc4-0ca4-4e9d-91a9-91fb4ffaabd5" providerId="AD" clId="Web-{E4CECC94-7745-42A3-9B27-7E58EDE4BF32}" dt="2022-11-25T15:14:57.235" v="261" actId="20577"/>
          <ac:spMkLst>
            <pc:docMk/>
            <pc:sldMk cId="3242329092" sldId="329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E4CECC94-7745-42A3-9B27-7E58EDE4BF32}" dt="2022-11-25T15:14:15.514" v="260" actId="20577"/>
          <ac:spMkLst>
            <pc:docMk/>
            <pc:sldMk cId="3242329092" sldId="329"/>
            <ac:spMk id="14" creationId="{B6CA66AD-D631-4C5E-A924-BC952D4B4394}"/>
          </ac:spMkLst>
        </pc:spChg>
        <pc:picChg chg="mod">
          <ac:chgData name="Lukasz Kutrzuba" userId="S::lukasz.kutrzuba@ericsson.com::362f5cc4-0ca4-4e9d-91a9-91fb4ffaabd5" providerId="AD" clId="Web-{E4CECC94-7745-42A3-9B27-7E58EDE4BF32}" dt="2022-11-25T15:14:05.076" v="256" actId="1076"/>
          <ac:picMkLst>
            <pc:docMk/>
            <pc:sldMk cId="3242329092" sldId="329"/>
            <ac:picMk id="7" creationId="{9DB8DC34-D774-44AB-869B-00D80B7954F9}"/>
          </ac:picMkLst>
        </pc:picChg>
      </pc:sldChg>
      <pc:sldChg chg="modSp">
        <pc:chgData name="Lukasz Kutrzuba" userId="S::lukasz.kutrzuba@ericsson.com::362f5cc4-0ca4-4e9d-91a9-91fb4ffaabd5" providerId="AD" clId="Web-{E4CECC94-7745-42A3-9B27-7E58EDE4BF32}" dt="2022-11-25T15:03:27.642" v="153" actId="20577"/>
        <pc:sldMkLst>
          <pc:docMk/>
          <pc:sldMk cId="1938067204" sldId="339"/>
        </pc:sldMkLst>
        <pc:spChg chg="mod">
          <ac:chgData name="Lukasz Kutrzuba" userId="S::lukasz.kutrzuba@ericsson.com::362f5cc4-0ca4-4e9d-91a9-91fb4ffaabd5" providerId="AD" clId="Web-{E4CECC94-7745-42A3-9B27-7E58EDE4BF32}" dt="2022-11-25T15:03:27.642" v="153" actId="20577"/>
          <ac:spMkLst>
            <pc:docMk/>
            <pc:sldMk cId="1938067204" sldId="339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E4CECC94-7745-42A3-9B27-7E58EDE4BF32}" dt="2022-11-25T15:04:21.646" v="156" actId="20577"/>
        <pc:sldMkLst>
          <pc:docMk/>
          <pc:sldMk cId="2687784262" sldId="348"/>
        </pc:sldMkLst>
        <pc:spChg chg="mod">
          <ac:chgData name="Lukasz Kutrzuba" userId="S::lukasz.kutrzuba@ericsson.com::362f5cc4-0ca4-4e9d-91a9-91fb4ffaabd5" providerId="AD" clId="Web-{E4CECC94-7745-42A3-9B27-7E58EDE4BF32}" dt="2022-11-25T15:04:21.646" v="156" actId="20577"/>
          <ac:spMkLst>
            <pc:docMk/>
            <pc:sldMk cId="2687784262" sldId="348"/>
            <ac:spMk id="12" creationId="{4FFB8876-A80B-45BF-B457-69F329D40EAB}"/>
          </ac:spMkLst>
        </pc:spChg>
      </pc:sldChg>
      <pc:sldChg chg="modSp">
        <pc:chgData name="Lukasz Kutrzuba" userId="S::lukasz.kutrzuba@ericsson.com::362f5cc4-0ca4-4e9d-91a9-91fb4ffaabd5" providerId="AD" clId="Web-{E4CECC94-7745-42A3-9B27-7E58EDE4BF32}" dt="2022-11-25T15:04:11.817" v="155" actId="1076"/>
        <pc:sldMkLst>
          <pc:docMk/>
          <pc:sldMk cId="1750462366" sldId="349"/>
        </pc:sldMkLst>
        <pc:spChg chg="mod">
          <ac:chgData name="Lukasz Kutrzuba" userId="S::lukasz.kutrzuba@ericsson.com::362f5cc4-0ca4-4e9d-91a9-91fb4ffaabd5" providerId="AD" clId="Web-{E4CECC94-7745-42A3-9B27-7E58EDE4BF32}" dt="2022-11-25T15:04:11.817" v="155" actId="1076"/>
          <ac:spMkLst>
            <pc:docMk/>
            <pc:sldMk cId="1750462366" sldId="349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E4CECC94-7745-42A3-9B27-7E58EDE4BF32}" dt="2022-11-25T14:56:32.693" v="4" actId="1076"/>
        <pc:sldMkLst>
          <pc:docMk/>
          <pc:sldMk cId="2350753966" sldId="351"/>
        </pc:sldMkLst>
        <pc:spChg chg="mod">
          <ac:chgData name="Lukasz Kutrzuba" userId="S::lukasz.kutrzuba@ericsson.com::362f5cc4-0ca4-4e9d-91a9-91fb4ffaabd5" providerId="AD" clId="Web-{E4CECC94-7745-42A3-9B27-7E58EDE4BF32}" dt="2022-11-25T14:56:32.693" v="4" actId="1076"/>
          <ac:spMkLst>
            <pc:docMk/>
            <pc:sldMk cId="2350753966" sldId="351"/>
            <ac:spMk id="14" creationId="{B6CA66AD-D631-4C5E-A924-BC952D4B4394}"/>
          </ac:spMkLst>
        </pc:spChg>
      </pc:sldChg>
      <pc:sldChg chg="modSp add replId">
        <pc:chgData name="Lukasz Kutrzuba" userId="S::lukasz.kutrzuba@ericsson.com::362f5cc4-0ca4-4e9d-91a9-91fb4ffaabd5" providerId="AD" clId="Web-{E4CECC94-7745-42A3-9B27-7E58EDE4BF32}" dt="2022-11-25T15:05:52.746" v="225" actId="20577"/>
        <pc:sldMkLst>
          <pc:docMk/>
          <pc:sldMk cId="3524012516" sldId="354"/>
        </pc:sldMkLst>
        <pc:spChg chg="mod">
          <ac:chgData name="Lukasz Kutrzuba" userId="S::lukasz.kutrzuba@ericsson.com::362f5cc4-0ca4-4e9d-91a9-91fb4ffaabd5" providerId="AD" clId="Web-{E4CECC94-7745-42A3-9B27-7E58EDE4BF32}" dt="2022-11-25T15:05:52.746" v="225" actId="20577"/>
          <ac:spMkLst>
            <pc:docMk/>
            <pc:sldMk cId="3524012516" sldId="354"/>
            <ac:spMk id="9" creationId="{BC8328B3-46B9-814A-9805-A5626BF21769}"/>
          </ac:spMkLst>
        </pc:spChg>
      </pc:sldChg>
    </pc:docChg>
  </pc:docChgLst>
  <pc:docChgLst>
    <pc:chgData name="Lukasz Kutrzuba" userId="S::lukasz.kutrzuba@ericsson.com::362f5cc4-0ca4-4e9d-91a9-91fb4ffaabd5" providerId="AD" clId="Web-{4576259F-AC33-4D6C-B5EA-EDF42F21CA54}"/>
    <pc:docChg chg="modSld">
      <pc:chgData name="Lukasz Kutrzuba" userId="S::lukasz.kutrzuba@ericsson.com::362f5cc4-0ca4-4e9d-91a9-91fb4ffaabd5" providerId="AD" clId="Web-{4576259F-AC33-4D6C-B5EA-EDF42F21CA54}" dt="2022-11-24T14:33:07.628" v="62" actId="1076"/>
      <pc:docMkLst>
        <pc:docMk/>
      </pc:docMkLst>
      <pc:sldChg chg="modSp">
        <pc:chgData name="Lukasz Kutrzuba" userId="S::lukasz.kutrzuba@ericsson.com::362f5cc4-0ca4-4e9d-91a9-91fb4ffaabd5" providerId="AD" clId="Web-{4576259F-AC33-4D6C-B5EA-EDF42F21CA54}" dt="2022-11-24T14:31:45.875" v="47" actId="1076"/>
        <pc:sldMkLst>
          <pc:docMk/>
          <pc:sldMk cId="2545479707" sldId="280"/>
        </pc:sldMkLst>
        <pc:picChg chg="mod">
          <ac:chgData name="Lukasz Kutrzuba" userId="S::lukasz.kutrzuba@ericsson.com::362f5cc4-0ca4-4e9d-91a9-91fb4ffaabd5" providerId="AD" clId="Web-{4576259F-AC33-4D6C-B5EA-EDF42F21CA54}" dt="2022-11-24T14:31:45.875" v="47" actId="1076"/>
          <ac:picMkLst>
            <pc:docMk/>
            <pc:sldMk cId="2545479707" sldId="280"/>
            <ac:picMk id="2" creationId="{283BEA99-5021-35D9-016C-3D0C9EEFCAD6}"/>
          </ac:picMkLst>
        </pc:picChg>
        <pc:picChg chg="mod">
          <ac:chgData name="Lukasz Kutrzuba" userId="S::lukasz.kutrzuba@ericsson.com::362f5cc4-0ca4-4e9d-91a9-91fb4ffaabd5" providerId="AD" clId="Web-{4576259F-AC33-4D6C-B5EA-EDF42F21CA54}" dt="2022-11-24T14:31:43.547" v="45" actId="1076"/>
          <ac:picMkLst>
            <pc:docMk/>
            <pc:sldMk cId="2545479707" sldId="280"/>
            <ac:picMk id="3" creationId="{BCC881D4-7207-DF2D-22C8-A40B634935B0}"/>
          </ac:picMkLst>
        </pc:picChg>
        <pc:picChg chg="mod">
          <ac:chgData name="Lukasz Kutrzuba" userId="S::lukasz.kutrzuba@ericsson.com::362f5cc4-0ca4-4e9d-91a9-91fb4ffaabd5" providerId="AD" clId="Web-{4576259F-AC33-4D6C-B5EA-EDF42F21CA54}" dt="2022-11-24T14:31:03.108" v="42" actId="1076"/>
          <ac:picMkLst>
            <pc:docMk/>
            <pc:sldMk cId="2545479707" sldId="280"/>
            <ac:picMk id="1026" creationId="{6A00C471-3383-4976-8714-786F620138AB}"/>
          </ac:picMkLst>
        </pc:picChg>
        <pc:picChg chg="mod">
          <ac:chgData name="Lukasz Kutrzuba" userId="S::lukasz.kutrzuba@ericsson.com::362f5cc4-0ca4-4e9d-91a9-91fb4ffaabd5" providerId="AD" clId="Web-{4576259F-AC33-4D6C-B5EA-EDF42F21CA54}" dt="2022-11-24T14:31:03.889" v="43" actId="1076"/>
          <ac:picMkLst>
            <pc:docMk/>
            <pc:sldMk cId="2545479707" sldId="280"/>
            <ac:picMk id="1030" creationId="{5697AC36-26D1-47A7-926E-6189D154EE35}"/>
          </ac:picMkLst>
        </pc:picChg>
        <pc:picChg chg="mod">
          <ac:chgData name="Lukasz Kutrzuba" userId="S::lukasz.kutrzuba@ericsson.com::362f5cc4-0ca4-4e9d-91a9-91fb4ffaabd5" providerId="AD" clId="Web-{4576259F-AC33-4D6C-B5EA-EDF42F21CA54}" dt="2022-11-24T14:31:04.889" v="44" actId="1076"/>
          <ac:picMkLst>
            <pc:docMk/>
            <pc:sldMk cId="2545479707" sldId="280"/>
            <ac:picMk id="1032" creationId="{6B33F243-693F-464E-AF2B-AFBEE6F27770}"/>
          </ac:picMkLst>
        </pc:picChg>
      </pc:sldChg>
      <pc:sldChg chg="modSp">
        <pc:chgData name="Lukasz Kutrzuba" userId="S::lukasz.kutrzuba@ericsson.com::362f5cc4-0ca4-4e9d-91a9-91fb4ffaabd5" providerId="AD" clId="Web-{4576259F-AC33-4D6C-B5EA-EDF42F21CA54}" dt="2022-11-24T14:30:51.389" v="39" actId="1076"/>
        <pc:sldMkLst>
          <pc:docMk/>
          <pc:sldMk cId="723220155" sldId="281"/>
        </pc:sldMkLst>
        <pc:picChg chg="mod">
          <ac:chgData name="Lukasz Kutrzuba" userId="S::lukasz.kutrzuba@ericsson.com::362f5cc4-0ca4-4e9d-91a9-91fb4ffaabd5" providerId="AD" clId="Web-{4576259F-AC33-4D6C-B5EA-EDF42F21CA54}" dt="2022-11-24T14:30:51.389" v="39" actId="1076"/>
          <ac:picMkLst>
            <pc:docMk/>
            <pc:sldMk cId="723220155" sldId="281"/>
            <ac:picMk id="2050" creationId="{CF25A878-EE1B-4B5C-A275-FEC63D76912E}"/>
          </ac:picMkLst>
        </pc:picChg>
        <pc:picChg chg="mod">
          <ac:chgData name="Lukasz Kutrzuba" userId="S::lukasz.kutrzuba@ericsson.com::362f5cc4-0ca4-4e9d-91a9-91fb4ffaabd5" providerId="AD" clId="Web-{4576259F-AC33-4D6C-B5EA-EDF42F21CA54}" dt="2022-11-24T14:30:48.545" v="37" actId="1076"/>
          <ac:picMkLst>
            <pc:docMk/>
            <pc:sldMk cId="723220155" sldId="281"/>
            <ac:picMk id="2052" creationId="{DFB993E0-2B1E-42A5-B97D-CD16B0A8AB67}"/>
          </ac:picMkLst>
        </pc:picChg>
        <pc:picChg chg="mod">
          <ac:chgData name="Lukasz Kutrzuba" userId="S::lukasz.kutrzuba@ericsson.com::362f5cc4-0ca4-4e9d-91a9-91fb4ffaabd5" providerId="AD" clId="Web-{4576259F-AC33-4D6C-B5EA-EDF42F21CA54}" dt="2022-11-24T14:30:30.122" v="26" actId="1076"/>
          <ac:picMkLst>
            <pc:docMk/>
            <pc:sldMk cId="723220155" sldId="281"/>
            <ac:picMk id="2056" creationId="{E00FAF90-138E-4ACB-BCAA-6475D49A7E2E}"/>
          </ac:picMkLst>
        </pc:picChg>
        <pc:picChg chg="mod">
          <ac:chgData name="Lukasz Kutrzuba" userId="S::lukasz.kutrzuba@ericsson.com::362f5cc4-0ca4-4e9d-91a9-91fb4ffaabd5" providerId="AD" clId="Web-{4576259F-AC33-4D6C-B5EA-EDF42F21CA54}" dt="2022-11-24T14:30:50.186" v="38" actId="1076"/>
          <ac:picMkLst>
            <pc:docMk/>
            <pc:sldMk cId="723220155" sldId="281"/>
            <ac:picMk id="5122" creationId="{90B4F3F4-BCDF-449F-81C1-FF6FAE9CE053}"/>
          </ac:picMkLst>
        </pc:picChg>
        <pc:picChg chg="mod">
          <ac:chgData name="Lukasz Kutrzuba" userId="S::lukasz.kutrzuba@ericsson.com::362f5cc4-0ca4-4e9d-91a9-91fb4ffaabd5" providerId="AD" clId="Web-{4576259F-AC33-4D6C-B5EA-EDF42F21CA54}" dt="2022-11-24T14:30:47.202" v="36" actId="1076"/>
          <ac:picMkLst>
            <pc:docMk/>
            <pc:sldMk cId="723220155" sldId="281"/>
            <ac:picMk id="5124" creationId="{EFCBDBD6-5442-4F83-B017-11C886F86E9A}"/>
          </ac:picMkLst>
        </pc:picChg>
      </pc:sldChg>
      <pc:sldChg chg="modSp">
        <pc:chgData name="Lukasz Kutrzuba" userId="S::lukasz.kutrzuba@ericsson.com::362f5cc4-0ca4-4e9d-91a9-91fb4ffaabd5" providerId="AD" clId="Web-{4576259F-AC33-4D6C-B5EA-EDF42F21CA54}" dt="2022-11-24T14:33:07.628" v="62" actId="1076"/>
        <pc:sldMkLst>
          <pc:docMk/>
          <pc:sldMk cId="3107981498" sldId="331"/>
        </pc:sldMkLst>
        <pc:spChg chg="mod">
          <ac:chgData name="Lukasz Kutrzuba" userId="S::lukasz.kutrzuba@ericsson.com::362f5cc4-0ca4-4e9d-91a9-91fb4ffaabd5" providerId="AD" clId="Web-{4576259F-AC33-4D6C-B5EA-EDF42F21CA54}" dt="2022-11-24T14:33:07.628" v="62" actId="1076"/>
          <ac:spMkLst>
            <pc:docMk/>
            <pc:sldMk cId="3107981498" sldId="331"/>
            <ac:spMk id="14" creationId="{B6CA66AD-D631-4C5E-A924-BC952D4B4394}"/>
          </ac:spMkLst>
        </pc:spChg>
      </pc:sldChg>
    </pc:docChg>
  </pc:docChgLst>
  <pc:docChgLst>
    <pc:chgData name="Lukasz Kutrzuba" userId="S::lukasz.kutrzuba@ericsson.com::362f5cc4-0ca4-4e9d-91a9-91fb4ffaabd5" providerId="AD" clId="Web-{967CB23F-3A10-494B-9A01-A4ECA2A6B744}"/>
    <pc:docChg chg="modSld">
      <pc:chgData name="Lukasz Kutrzuba" userId="S::lukasz.kutrzuba@ericsson.com::362f5cc4-0ca4-4e9d-91a9-91fb4ffaabd5" providerId="AD" clId="Web-{967CB23F-3A10-494B-9A01-A4ECA2A6B744}" dt="2022-12-01T14:05:26.379" v="132" actId="20577"/>
      <pc:docMkLst>
        <pc:docMk/>
      </pc:docMkLst>
      <pc:sldChg chg="modSp">
        <pc:chgData name="Lukasz Kutrzuba" userId="S::lukasz.kutrzuba@ericsson.com::362f5cc4-0ca4-4e9d-91a9-91fb4ffaabd5" providerId="AD" clId="Web-{967CB23F-3A10-494B-9A01-A4ECA2A6B744}" dt="2022-12-01T14:05:26.379" v="132" actId="20577"/>
        <pc:sldMkLst>
          <pc:docMk/>
          <pc:sldMk cId="1388213951" sldId="293"/>
        </pc:sldMkLst>
        <pc:spChg chg="mod">
          <ac:chgData name="Lukasz Kutrzuba" userId="S::lukasz.kutrzuba@ericsson.com::362f5cc4-0ca4-4e9d-91a9-91fb4ffaabd5" providerId="AD" clId="Web-{967CB23F-3A10-494B-9A01-A4ECA2A6B744}" dt="2022-12-01T14:05:07.332" v="117" actId="1076"/>
          <ac:spMkLst>
            <pc:docMk/>
            <pc:sldMk cId="1388213951" sldId="293"/>
            <ac:spMk id="18" creationId="{326109FD-5816-4E1A-B566-EA86D330FA5A}"/>
          </ac:spMkLst>
        </pc:spChg>
        <pc:spChg chg="mod">
          <ac:chgData name="Lukasz Kutrzuba" userId="S::lukasz.kutrzuba@ericsson.com::362f5cc4-0ca4-4e9d-91a9-91fb4ffaabd5" providerId="AD" clId="Web-{967CB23F-3A10-494B-9A01-A4ECA2A6B744}" dt="2022-12-01T14:05:26.379" v="132" actId="20577"/>
          <ac:spMkLst>
            <pc:docMk/>
            <pc:sldMk cId="1388213951" sldId="293"/>
            <ac:spMk id="20" creationId="{1C592382-B635-44BA-9B6F-8F284603A756}"/>
          </ac:spMkLst>
        </pc:spChg>
      </pc:sldChg>
      <pc:sldChg chg="modSp">
        <pc:chgData name="Lukasz Kutrzuba" userId="S::lukasz.kutrzuba@ericsson.com::362f5cc4-0ca4-4e9d-91a9-91fb4ffaabd5" providerId="AD" clId="Web-{967CB23F-3A10-494B-9A01-A4ECA2A6B744}" dt="2022-12-01T13:44:53.688" v="25" actId="20577"/>
        <pc:sldMkLst>
          <pc:docMk/>
          <pc:sldMk cId="4027915597" sldId="321"/>
        </pc:sldMkLst>
        <pc:spChg chg="mod">
          <ac:chgData name="Lukasz Kutrzuba" userId="S::lukasz.kutrzuba@ericsson.com::362f5cc4-0ca4-4e9d-91a9-91fb4ffaabd5" providerId="AD" clId="Web-{967CB23F-3A10-494B-9A01-A4ECA2A6B744}" dt="2022-12-01T13:44:53.688" v="25" actId="20577"/>
          <ac:spMkLst>
            <pc:docMk/>
            <pc:sldMk cId="4027915597" sldId="321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967CB23F-3A10-494B-9A01-A4ECA2A6B744}" dt="2022-12-01T13:46:41.097" v="34" actId="20577"/>
        <pc:sldMkLst>
          <pc:docMk/>
          <pc:sldMk cId="3804979791" sldId="322"/>
        </pc:sldMkLst>
        <pc:spChg chg="mod">
          <ac:chgData name="Lukasz Kutrzuba" userId="S::lukasz.kutrzuba@ericsson.com::362f5cc4-0ca4-4e9d-91a9-91fb4ffaabd5" providerId="AD" clId="Web-{967CB23F-3A10-494B-9A01-A4ECA2A6B744}" dt="2022-12-01T13:46:41.097" v="34" actId="20577"/>
          <ac:spMkLst>
            <pc:docMk/>
            <pc:sldMk cId="3804979791" sldId="322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967CB23F-3A10-494B-9A01-A4ECA2A6B744}" dt="2022-12-01T13:52:03.903" v="93" actId="1076"/>
        <pc:sldMkLst>
          <pc:docMk/>
          <pc:sldMk cId="3399295466" sldId="324"/>
        </pc:sldMkLst>
        <pc:spChg chg="mod">
          <ac:chgData name="Lukasz Kutrzuba" userId="S::lukasz.kutrzuba@ericsson.com::362f5cc4-0ca4-4e9d-91a9-91fb4ffaabd5" providerId="AD" clId="Web-{967CB23F-3A10-494B-9A01-A4ECA2A6B744}" dt="2022-12-01T13:52:03.903" v="93" actId="1076"/>
          <ac:spMkLst>
            <pc:docMk/>
            <pc:sldMk cId="3399295466" sldId="324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967CB23F-3A10-494B-9A01-A4ECA2A6B744}" dt="2022-12-01T13:47:40.630" v="66" actId="20577"/>
        <pc:sldMkLst>
          <pc:docMk/>
          <pc:sldMk cId="2824569955" sldId="328"/>
        </pc:sldMkLst>
        <pc:spChg chg="mod">
          <ac:chgData name="Lukasz Kutrzuba" userId="S::lukasz.kutrzuba@ericsson.com::362f5cc4-0ca4-4e9d-91a9-91fb4ffaabd5" providerId="AD" clId="Web-{967CB23F-3A10-494B-9A01-A4ECA2A6B744}" dt="2022-12-01T13:47:40.630" v="66" actId="20577"/>
          <ac:spMkLst>
            <pc:docMk/>
            <pc:sldMk cId="2824569955" sldId="328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967CB23F-3A10-494B-9A01-A4ECA2A6B744}" dt="2022-12-01T13:45:41.064" v="30" actId="20577"/>
        <pc:sldMkLst>
          <pc:docMk/>
          <pc:sldMk cId="3242329092" sldId="329"/>
        </pc:sldMkLst>
        <pc:spChg chg="mod">
          <ac:chgData name="Lukasz Kutrzuba" userId="S::lukasz.kutrzuba@ericsson.com::362f5cc4-0ca4-4e9d-91a9-91fb4ffaabd5" providerId="AD" clId="Web-{967CB23F-3A10-494B-9A01-A4ECA2A6B744}" dt="2022-12-01T13:45:41.064" v="30" actId="20577"/>
          <ac:spMkLst>
            <pc:docMk/>
            <pc:sldMk cId="3242329092" sldId="329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967CB23F-3A10-494B-9A01-A4ECA2A6B744}" dt="2022-12-01T13:52:34.920" v="97" actId="20577"/>
        <pc:sldMkLst>
          <pc:docMk/>
          <pc:sldMk cId="1899471179" sldId="330"/>
        </pc:sldMkLst>
        <pc:spChg chg="mod">
          <ac:chgData name="Lukasz Kutrzuba" userId="S::lukasz.kutrzuba@ericsson.com::362f5cc4-0ca4-4e9d-91a9-91fb4ffaabd5" providerId="AD" clId="Web-{967CB23F-3A10-494B-9A01-A4ECA2A6B744}" dt="2022-12-01T13:52:34.920" v="97" actId="20577"/>
          <ac:spMkLst>
            <pc:docMk/>
            <pc:sldMk cId="1899471179" sldId="330"/>
            <ac:spMk id="14" creationId="{B6CA66AD-D631-4C5E-A924-BC952D4B4394}"/>
          </ac:spMkLst>
        </pc:spChg>
      </pc:sldChg>
      <pc:sldChg chg="modSp mod modShow">
        <pc:chgData name="Lukasz Kutrzuba" userId="S::lukasz.kutrzuba@ericsson.com::362f5cc4-0ca4-4e9d-91a9-91fb4ffaabd5" providerId="AD" clId="Web-{967CB23F-3A10-494B-9A01-A4ECA2A6B744}" dt="2022-12-01T13:49:18.352" v="71" actId="20577"/>
        <pc:sldMkLst>
          <pc:docMk/>
          <pc:sldMk cId="3107981498" sldId="331"/>
        </pc:sldMkLst>
        <pc:spChg chg="mod">
          <ac:chgData name="Lukasz Kutrzuba" userId="S::lukasz.kutrzuba@ericsson.com::362f5cc4-0ca4-4e9d-91a9-91fb4ffaabd5" providerId="AD" clId="Web-{967CB23F-3A10-494B-9A01-A4ECA2A6B744}" dt="2022-12-01T13:49:18.352" v="71" actId="20577"/>
          <ac:spMkLst>
            <pc:docMk/>
            <pc:sldMk cId="3107981498" sldId="331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967CB23F-3A10-494B-9A01-A4ECA2A6B744}" dt="2022-12-01T13:55:00.814" v="104" actId="1076"/>
        <pc:sldMkLst>
          <pc:docMk/>
          <pc:sldMk cId="35131068" sldId="337"/>
        </pc:sldMkLst>
        <pc:spChg chg="mod">
          <ac:chgData name="Lukasz Kutrzuba" userId="S::lukasz.kutrzuba@ericsson.com::362f5cc4-0ca4-4e9d-91a9-91fb4ffaabd5" providerId="AD" clId="Web-{967CB23F-3A10-494B-9A01-A4ECA2A6B744}" dt="2022-12-01T13:55:00.814" v="104" actId="1076"/>
          <ac:spMkLst>
            <pc:docMk/>
            <pc:sldMk cId="35131068" sldId="337"/>
            <ac:spMk id="7" creationId="{399818BE-AA50-437F-894C-7573EF853B8C}"/>
          </ac:spMkLst>
        </pc:spChg>
      </pc:sldChg>
      <pc:sldChg chg="modSp">
        <pc:chgData name="Lukasz Kutrzuba" userId="S::lukasz.kutrzuba@ericsson.com::362f5cc4-0ca4-4e9d-91a9-91fb4ffaabd5" providerId="AD" clId="Web-{967CB23F-3A10-494B-9A01-A4ECA2A6B744}" dt="2022-12-01T13:51:59.387" v="92" actId="20577"/>
        <pc:sldMkLst>
          <pc:docMk/>
          <pc:sldMk cId="3782316902" sldId="340"/>
        </pc:sldMkLst>
        <pc:spChg chg="mod">
          <ac:chgData name="Lukasz Kutrzuba" userId="S::lukasz.kutrzuba@ericsson.com::362f5cc4-0ca4-4e9d-91a9-91fb4ffaabd5" providerId="AD" clId="Web-{967CB23F-3A10-494B-9A01-A4ECA2A6B744}" dt="2022-12-01T13:51:59.387" v="92" actId="20577"/>
          <ac:spMkLst>
            <pc:docMk/>
            <pc:sldMk cId="3782316902" sldId="340"/>
            <ac:spMk id="25" creationId="{60F15A7B-D294-4F18-BF2A-5EB9BB492A0B}"/>
          </ac:spMkLst>
        </pc:spChg>
      </pc:sldChg>
      <pc:sldChg chg="modSp">
        <pc:chgData name="Lukasz Kutrzuba" userId="S::lukasz.kutrzuba@ericsson.com::362f5cc4-0ca4-4e9d-91a9-91fb4ffaabd5" providerId="AD" clId="Web-{967CB23F-3A10-494B-9A01-A4ECA2A6B744}" dt="2022-12-01T13:55:13.690" v="115" actId="20577"/>
        <pc:sldMkLst>
          <pc:docMk/>
          <pc:sldMk cId="2898093207" sldId="371"/>
        </pc:sldMkLst>
        <pc:spChg chg="mod">
          <ac:chgData name="Lukasz Kutrzuba" userId="S::lukasz.kutrzuba@ericsson.com::362f5cc4-0ca4-4e9d-91a9-91fb4ffaabd5" providerId="AD" clId="Web-{967CB23F-3A10-494B-9A01-A4ECA2A6B744}" dt="2022-12-01T13:55:13.690" v="115" actId="20577"/>
          <ac:spMkLst>
            <pc:docMk/>
            <pc:sldMk cId="2898093207" sldId="371"/>
            <ac:spMk id="12" creationId="{4FFB8876-A80B-45BF-B457-69F329D40EAB}"/>
          </ac:spMkLst>
        </pc:spChg>
      </pc:sldChg>
    </pc:docChg>
  </pc:docChgLst>
  <pc:docChgLst>
    <pc:chgData name="Lukasz Kutrzuba" userId="S::lukasz.kutrzuba@ericsson.com::362f5cc4-0ca4-4e9d-91a9-91fb4ffaabd5" providerId="AD" clId="Web-{3175AA85-61FE-4DFC-8E27-4C9B104D2D0B}"/>
    <pc:docChg chg="addSld delSld modSld sldOrd">
      <pc:chgData name="Lukasz Kutrzuba" userId="S::lukasz.kutrzuba@ericsson.com::362f5cc4-0ca4-4e9d-91a9-91fb4ffaabd5" providerId="AD" clId="Web-{3175AA85-61FE-4DFC-8E27-4C9B104D2D0B}" dt="2022-11-30T13:51:15.226" v="445" actId="20577"/>
      <pc:docMkLst>
        <pc:docMk/>
      </pc:docMkLst>
      <pc:sldChg chg="modSp">
        <pc:chgData name="Lukasz Kutrzuba" userId="S::lukasz.kutrzuba@ericsson.com::362f5cc4-0ca4-4e9d-91a9-91fb4ffaabd5" providerId="AD" clId="Web-{3175AA85-61FE-4DFC-8E27-4C9B104D2D0B}" dt="2022-11-30T13:38:50.722" v="86" actId="20577"/>
        <pc:sldMkLst>
          <pc:docMk/>
          <pc:sldMk cId="4027915597" sldId="321"/>
        </pc:sldMkLst>
        <pc:spChg chg="mod">
          <ac:chgData name="Lukasz Kutrzuba" userId="S::lukasz.kutrzuba@ericsson.com::362f5cc4-0ca4-4e9d-91a9-91fb4ffaabd5" providerId="AD" clId="Web-{3175AA85-61FE-4DFC-8E27-4C9B104D2D0B}" dt="2022-11-30T13:38:50.722" v="86" actId="20577"/>
          <ac:spMkLst>
            <pc:docMk/>
            <pc:sldMk cId="4027915597" sldId="321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3175AA85-61FE-4DFC-8E27-4C9B104D2D0B}" dt="2022-11-30T13:51:15.226" v="445" actId="20577"/>
        <pc:sldMkLst>
          <pc:docMk/>
          <pc:sldMk cId="35131068" sldId="337"/>
        </pc:sldMkLst>
        <pc:spChg chg="mod">
          <ac:chgData name="Lukasz Kutrzuba" userId="S::lukasz.kutrzuba@ericsson.com::362f5cc4-0ca4-4e9d-91a9-91fb4ffaabd5" providerId="AD" clId="Web-{3175AA85-61FE-4DFC-8E27-4C9B104D2D0B}" dt="2022-11-30T13:51:15.226" v="445" actId="20577"/>
          <ac:spMkLst>
            <pc:docMk/>
            <pc:sldMk cId="35131068" sldId="337"/>
            <ac:spMk id="7" creationId="{399818BE-AA50-437F-894C-7573EF853B8C}"/>
          </ac:spMkLst>
        </pc:spChg>
        <pc:spChg chg="mod">
          <ac:chgData name="Lukasz Kutrzuba" userId="S::lukasz.kutrzuba@ericsson.com::362f5cc4-0ca4-4e9d-91a9-91fb4ffaabd5" providerId="AD" clId="Web-{3175AA85-61FE-4DFC-8E27-4C9B104D2D0B}" dt="2022-11-30T13:50:23.084" v="437" actId="20577"/>
          <ac:spMkLst>
            <pc:docMk/>
            <pc:sldMk cId="35131068" sldId="337"/>
            <ac:spMk id="12" creationId="{4FFB8876-A80B-45BF-B457-69F329D40EAB}"/>
          </ac:spMkLst>
        </pc:spChg>
        <pc:picChg chg="mod">
          <ac:chgData name="Lukasz Kutrzuba" userId="S::lukasz.kutrzuba@ericsson.com::362f5cc4-0ca4-4e9d-91a9-91fb4ffaabd5" providerId="AD" clId="Web-{3175AA85-61FE-4DFC-8E27-4C9B104D2D0B}" dt="2022-11-30T13:50:58.944" v="438" actId="14100"/>
          <ac:picMkLst>
            <pc:docMk/>
            <pc:sldMk cId="35131068" sldId="337"/>
            <ac:picMk id="5" creationId="{A5AE9A7F-94E7-41EC-8641-3F2E645D38E3}"/>
          </ac:picMkLst>
        </pc:picChg>
      </pc:sldChg>
      <pc:sldChg chg="modSp">
        <pc:chgData name="Lukasz Kutrzuba" userId="S::lukasz.kutrzuba@ericsson.com::362f5cc4-0ca4-4e9d-91a9-91fb4ffaabd5" providerId="AD" clId="Web-{3175AA85-61FE-4DFC-8E27-4C9B104D2D0B}" dt="2022-11-30T13:45:36.732" v="228" actId="20577"/>
        <pc:sldMkLst>
          <pc:docMk/>
          <pc:sldMk cId="2687784262" sldId="348"/>
        </pc:sldMkLst>
        <pc:spChg chg="mod">
          <ac:chgData name="Lukasz Kutrzuba" userId="S::lukasz.kutrzuba@ericsson.com::362f5cc4-0ca4-4e9d-91a9-91fb4ffaabd5" providerId="AD" clId="Web-{3175AA85-61FE-4DFC-8E27-4C9B104D2D0B}" dt="2022-11-30T13:45:36.732" v="228" actId="20577"/>
          <ac:spMkLst>
            <pc:docMk/>
            <pc:sldMk cId="2687784262" sldId="348"/>
            <ac:spMk id="14" creationId="{B6CA66AD-D631-4C5E-A924-BC952D4B4394}"/>
          </ac:spMkLst>
        </pc:spChg>
      </pc:sldChg>
      <pc:sldChg chg="addSp delSp modSp add ord replId">
        <pc:chgData name="Lukasz Kutrzuba" userId="S::lukasz.kutrzuba@ericsson.com::362f5cc4-0ca4-4e9d-91a9-91fb4ffaabd5" providerId="AD" clId="Web-{3175AA85-61FE-4DFC-8E27-4C9B104D2D0B}" dt="2022-11-30T13:48:38.237" v="433" actId="14100"/>
        <pc:sldMkLst>
          <pc:docMk/>
          <pc:sldMk cId="2510979623" sldId="361"/>
        </pc:sldMkLst>
        <pc:spChg chg="add mod">
          <ac:chgData name="Lukasz Kutrzuba" userId="S::lukasz.kutrzuba@ericsson.com::362f5cc4-0ca4-4e9d-91a9-91fb4ffaabd5" providerId="AD" clId="Web-{3175AA85-61FE-4DFC-8E27-4C9B104D2D0B}" dt="2022-11-30T13:48:38.237" v="433" actId="14100"/>
          <ac:spMkLst>
            <pc:docMk/>
            <pc:sldMk cId="2510979623" sldId="361"/>
            <ac:spMk id="3" creationId="{BB727609-09F4-CEED-EDDC-537B7B9F8AC6}"/>
          </ac:spMkLst>
        </pc:spChg>
        <pc:spChg chg="mod">
          <ac:chgData name="Lukasz Kutrzuba" userId="S::lukasz.kutrzuba@ericsson.com::362f5cc4-0ca4-4e9d-91a9-91fb4ffaabd5" providerId="AD" clId="Web-{3175AA85-61FE-4DFC-8E27-4C9B104D2D0B}" dt="2022-11-30T13:41:15.397" v="102" actId="20577"/>
          <ac:spMkLst>
            <pc:docMk/>
            <pc:sldMk cId="2510979623" sldId="361"/>
            <ac:spMk id="12" creationId="{4FFB8876-A80B-45BF-B457-69F329D40EAB}"/>
          </ac:spMkLst>
        </pc:spChg>
        <pc:spChg chg="mod">
          <ac:chgData name="Lukasz Kutrzuba" userId="S::lukasz.kutrzuba@ericsson.com::362f5cc4-0ca4-4e9d-91a9-91fb4ffaabd5" providerId="AD" clId="Web-{3175AA85-61FE-4DFC-8E27-4C9B104D2D0B}" dt="2022-11-30T13:33:52.745" v="2" actId="20577"/>
          <ac:spMkLst>
            <pc:docMk/>
            <pc:sldMk cId="2510979623" sldId="361"/>
            <ac:spMk id="14" creationId="{B6CA66AD-D631-4C5E-A924-BC952D4B4394}"/>
          </ac:spMkLst>
        </pc:spChg>
        <pc:picChg chg="del">
          <ac:chgData name="Lukasz Kutrzuba" userId="S::lukasz.kutrzuba@ericsson.com::362f5cc4-0ca4-4e9d-91a9-91fb4ffaabd5" providerId="AD" clId="Web-{3175AA85-61FE-4DFC-8E27-4C9B104D2D0B}" dt="2022-11-30T13:41:30.132" v="108"/>
          <ac:picMkLst>
            <pc:docMk/>
            <pc:sldMk cId="2510979623" sldId="361"/>
            <ac:picMk id="7" creationId="{0266B968-5A35-43AF-9260-C2187969128D}"/>
          </ac:picMkLst>
        </pc:picChg>
      </pc:sldChg>
      <pc:sldChg chg="modSp add del replId">
        <pc:chgData name="Lukasz Kutrzuba" userId="S::lukasz.kutrzuba@ericsson.com::362f5cc4-0ca4-4e9d-91a9-91fb4ffaabd5" providerId="AD" clId="Web-{3175AA85-61FE-4DFC-8E27-4C9B104D2D0B}" dt="2022-11-30T13:34:15.277" v="8"/>
        <pc:sldMkLst>
          <pc:docMk/>
          <pc:sldMk cId="3906570379" sldId="362"/>
        </pc:sldMkLst>
        <pc:spChg chg="mod">
          <ac:chgData name="Lukasz Kutrzuba" userId="S::lukasz.kutrzuba@ericsson.com::362f5cc4-0ca4-4e9d-91a9-91fb4ffaabd5" providerId="AD" clId="Web-{3175AA85-61FE-4DFC-8E27-4C9B104D2D0B}" dt="2022-11-30T13:34:02.698" v="6" actId="20577"/>
          <ac:spMkLst>
            <pc:docMk/>
            <pc:sldMk cId="3906570379" sldId="362"/>
            <ac:spMk id="14" creationId="{B6CA66AD-D631-4C5E-A924-BC952D4B4394}"/>
          </ac:spMkLst>
        </pc:spChg>
      </pc:sldChg>
    </pc:docChg>
  </pc:docChgLst>
  <pc:docChgLst>
    <pc:chgData name="Lukasz Kutrzuba" userId="S::lukasz.kutrzuba@ericsson.com::362f5cc4-0ca4-4e9d-91a9-91fb4ffaabd5" providerId="AD" clId="Web-{354CAC75-430D-4CB2-B96E-DF7A96D75EE0}"/>
    <pc:docChg chg="modSld">
      <pc:chgData name="Lukasz Kutrzuba" userId="S::lukasz.kutrzuba@ericsson.com::362f5cc4-0ca4-4e9d-91a9-91fb4ffaabd5" providerId="AD" clId="Web-{354CAC75-430D-4CB2-B96E-DF7A96D75EE0}" dt="2022-11-25T11:45:08.583" v="29"/>
      <pc:docMkLst>
        <pc:docMk/>
      </pc:docMkLst>
      <pc:sldChg chg="modSp">
        <pc:chgData name="Lukasz Kutrzuba" userId="S::lukasz.kutrzuba@ericsson.com::362f5cc4-0ca4-4e9d-91a9-91fb4ffaabd5" providerId="AD" clId="Web-{354CAC75-430D-4CB2-B96E-DF7A96D75EE0}" dt="2022-11-25T11:37:03.397" v="2" actId="20577"/>
        <pc:sldMkLst>
          <pc:docMk/>
          <pc:sldMk cId="1388213951" sldId="293"/>
        </pc:sldMkLst>
        <pc:spChg chg="mod">
          <ac:chgData name="Lukasz Kutrzuba" userId="S::lukasz.kutrzuba@ericsson.com::362f5cc4-0ca4-4e9d-91a9-91fb4ffaabd5" providerId="AD" clId="Web-{354CAC75-430D-4CB2-B96E-DF7A96D75EE0}" dt="2022-11-25T11:37:03.397" v="2" actId="20577"/>
          <ac:spMkLst>
            <pc:docMk/>
            <pc:sldMk cId="1388213951" sldId="293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354CAC75-430D-4CB2-B96E-DF7A96D75EE0}" dt="2022-11-25T11:44:45.614" v="25" actId="20577"/>
        <pc:sldMkLst>
          <pc:docMk/>
          <pc:sldMk cId="3666522024" sldId="307"/>
        </pc:sldMkLst>
        <pc:spChg chg="mod">
          <ac:chgData name="Lukasz Kutrzuba" userId="S::lukasz.kutrzuba@ericsson.com::362f5cc4-0ca4-4e9d-91a9-91fb4ffaabd5" providerId="AD" clId="Web-{354CAC75-430D-4CB2-B96E-DF7A96D75EE0}" dt="2022-11-25T11:44:45.614" v="25" actId="20577"/>
          <ac:spMkLst>
            <pc:docMk/>
            <pc:sldMk cId="3666522024" sldId="307"/>
            <ac:spMk id="14" creationId="{B6CA66AD-D631-4C5E-A924-BC952D4B4394}"/>
          </ac:spMkLst>
        </pc:spChg>
      </pc:sldChg>
      <pc:sldChg chg="modSp">
        <pc:chgData name="Lukasz Kutrzuba" userId="S::lukasz.kutrzuba@ericsson.com::362f5cc4-0ca4-4e9d-91a9-91fb4ffaabd5" providerId="AD" clId="Web-{354CAC75-430D-4CB2-B96E-DF7A96D75EE0}" dt="2022-11-25T11:44:27.910" v="20" actId="1076"/>
        <pc:sldMkLst>
          <pc:docMk/>
          <pc:sldMk cId="1804972876" sldId="308"/>
        </pc:sldMkLst>
        <pc:grpChg chg="mod">
          <ac:chgData name="Lukasz Kutrzuba" userId="S::lukasz.kutrzuba@ericsson.com::362f5cc4-0ca4-4e9d-91a9-91fb4ffaabd5" providerId="AD" clId="Web-{354CAC75-430D-4CB2-B96E-DF7A96D75EE0}" dt="2022-11-25T11:44:27.910" v="20" actId="1076"/>
          <ac:grpSpMkLst>
            <pc:docMk/>
            <pc:sldMk cId="1804972876" sldId="308"/>
            <ac:grpSpMk id="9" creationId="{24F8BE13-83BE-4516-A7F6-1D56FD5A6F1F}"/>
          </ac:grpSpMkLst>
        </pc:grpChg>
      </pc:sldChg>
      <pc:sldChg chg="addSp delSp">
        <pc:chgData name="Lukasz Kutrzuba" userId="S::lukasz.kutrzuba@ericsson.com::362f5cc4-0ca4-4e9d-91a9-91fb4ffaabd5" providerId="AD" clId="Web-{354CAC75-430D-4CB2-B96E-DF7A96D75EE0}" dt="2022-11-25T11:45:08.583" v="29"/>
        <pc:sldMkLst>
          <pc:docMk/>
          <pc:sldMk cId="928204253" sldId="310"/>
        </pc:sldMkLst>
        <pc:spChg chg="add del">
          <ac:chgData name="Lukasz Kutrzuba" userId="S::lukasz.kutrzuba@ericsson.com::362f5cc4-0ca4-4e9d-91a9-91fb4ffaabd5" providerId="AD" clId="Web-{354CAC75-430D-4CB2-B96E-DF7A96D75EE0}" dt="2022-11-25T11:45:08.583" v="29"/>
          <ac:spMkLst>
            <pc:docMk/>
            <pc:sldMk cId="928204253" sldId="310"/>
            <ac:spMk id="14" creationId="{B6CA66AD-D631-4C5E-A924-BC952D4B4394}"/>
          </ac:spMkLst>
        </pc:spChg>
        <pc:graphicFrameChg chg="add del">
          <ac:chgData name="Lukasz Kutrzuba" userId="S::lukasz.kutrzuba@ericsson.com::362f5cc4-0ca4-4e9d-91a9-91fb4ffaabd5" providerId="AD" clId="Web-{354CAC75-430D-4CB2-B96E-DF7A96D75EE0}" dt="2022-11-25T11:44:57.005" v="27"/>
          <ac:graphicFrameMkLst>
            <pc:docMk/>
            <pc:sldMk cId="928204253" sldId="310"/>
            <ac:graphicFrameMk id="24" creationId="{E1059CC1-CB21-7830-F3D3-B12B31B2F1CE}"/>
          </ac:graphicFrameMkLst>
        </pc:graphicFrameChg>
        <pc:graphicFrameChg chg="add del">
          <ac:chgData name="Lukasz Kutrzuba" userId="S::lukasz.kutrzuba@ericsson.com::362f5cc4-0ca4-4e9d-91a9-91fb4ffaabd5" providerId="AD" clId="Web-{354CAC75-430D-4CB2-B96E-DF7A96D75EE0}" dt="2022-11-25T11:45:08.583" v="29"/>
          <ac:graphicFrameMkLst>
            <pc:docMk/>
            <pc:sldMk cId="928204253" sldId="310"/>
            <ac:graphicFrameMk id="26" creationId="{491FF61A-3E3A-12FA-EAA9-CC331043B9A5}"/>
          </ac:graphicFrameMkLst>
        </pc:graphicFrameChg>
      </pc:sldChg>
      <pc:sldChg chg="modSp">
        <pc:chgData name="Lukasz Kutrzuba" userId="S::lukasz.kutrzuba@ericsson.com::362f5cc4-0ca4-4e9d-91a9-91fb4ffaabd5" providerId="AD" clId="Web-{354CAC75-430D-4CB2-B96E-DF7A96D75EE0}" dt="2022-11-25T11:39:03.073" v="4" actId="20577"/>
        <pc:sldMkLst>
          <pc:docMk/>
          <pc:sldMk cId="1938067204" sldId="339"/>
        </pc:sldMkLst>
        <pc:spChg chg="mod">
          <ac:chgData name="Lukasz Kutrzuba" userId="S::lukasz.kutrzuba@ericsson.com::362f5cc4-0ca4-4e9d-91a9-91fb4ffaabd5" providerId="AD" clId="Web-{354CAC75-430D-4CB2-B96E-DF7A96D75EE0}" dt="2022-11-25T11:39:03.073" v="4" actId="20577"/>
          <ac:spMkLst>
            <pc:docMk/>
            <pc:sldMk cId="1938067204" sldId="339"/>
            <ac:spMk id="14" creationId="{B6CA66AD-D631-4C5E-A924-BC952D4B4394}"/>
          </ac:spMkLst>
        </pc:spChg>
      </pc:sldChg>
      <pc:sldChg chg="addSp delSp modSp">
        <pc:chgData name="Lukasz Kutrzuba" userId="S::lukasz.kutrzuba@ericsson.com::362f5cc4-0ca4-4e9d-91a9-91fb4ffaabd5" providerId="AD" clId="Web-{354CAC75-430D-4CB2-B96E-DF7A96D75EE0}" dt="2022-11-25T11:44:22.394" v="19" actId="1076"/>
        <pc:sldMkLst>
          <pc:docMk/>
          <pc:sldMk cId="1750462366" sldId="349"/>
        </pc:sldMkLst>
        <pc:picChg chg="add mod">
          <ac:chgData name="Lukasz Kutrzuba" userId="S::lukasz.kutrzuba@ericsson.com::362f5cc4-0ca4-4e9d-91a9-91fb4ffaabd5" providerId="AD" clId="Web-{354CAC75-430D-4CB2-B96E-DF7A96D75EE0}" dt="2022-11-25T11:44:22.394" v="19" actId="1076"/>
          <ac:picMkLst>
            <pc:docMk/>
            <pc:sldMk cId="1750462366" sldId="349"/>
            <ac:picMk id="2" creationId="{CDCC08BB-76CE-3FCC-4A79-3AA5E0B48D30}"/>
          </ac:picMkLst>
        </pc:picChg>
        <pc:picChg chg="ord">
          <ac:chgData name="Lukasz Kutrzuba" userId="S::lukasz.kutrzuba@ericsson.com::362f5cc4-0ca4-4e9d-91a9-91fb4ffaabd5" providerId="AD" clId="Web-{354CAC75-430D-4CB2-B96E-DF7A96D75EE0}" dt="2022-11-25T11:42:29.188" v="7"/>
          <ac:picMkLst>
            <pc:docMk/>
            <pc:sldMk cId="1750462366" sldId="349"/>
            <ac:picMk id="15" creationId="{6B371CEA-7D69-41EE-882E-BA4D60BABB7A}"/>
          </ac:picMkLst>
        </pc:picChg>
        <pc:picChg chg="add del mod">
          <ac:chgData name="Lukasz Kutrzuba" userId="S::lukasz.kutrzuba@ericsson.com::362f5cc4-0ca4-4e9d-91a9-91fb4ffaabd5" providerId="AD" clId="Web-{354CAC75-430D-4CB2-B96E-DF7A96D75EE0}" dt="2022-11-25T11:44:10.207" v="13"/>
          <ac:picMkLst>
            <pc:docMk/>
            <pc:sldMk cId="1750462366" sldId="349"/>
            <ac:picMk id="19" creationId="{0CB0ECD8-6C62-4A16-BCC9-351E77287C92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AEF8076-F568-440C-BAC3-7587CE6D404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F5BE400-BA27-43D5-952F-BDE5FCC79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17910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8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2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4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5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6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7.xml"/><Relationship Id="rId1" Type="http://schemas.openxmlformats.org/officeDocument/2006/relationships/notesMaster" Target="../notesMasters/notesMaster1.xml"/></Relationships>
</file>

<file path=ppt/notesSlides/_rels/notesSlide4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8.xml"/><Relationship Id="rId1" Type="http://schemas.openxmlformats.org/officeDocument/2006/relationships/notesMaster" Target="../notesMasters/notesMaster1.xml"/></Relationships>
</file>

<file path=ppt/notesSlides/_rels/notesSlide4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9.xml"/><Relationship Id="rId1" Type="http://schemas.openxmlformats.org/officeDocument/2006/relationships/notesMaster" Target="../notesMasters/notesMaster1.xml"/></Relationships>
</file>

<file path=ppt/notesSlides/_rels/notesSlide4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1.xml"/><Relationship Id="rId1" Type="http://schemas.openxmlformats.org/officeDocument/2006/relationships/notesMaster" Target="../notesMasters/notesMaster1.xml"/></Relationships>
</file>

<file path=ppt/notesSlides/_rels/notesSlide5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2.xml"/><Relationship Id="rId1" Type="http://schemas.openxmlformats.org/officeDocument/2006/relationships/notesMaster" Target="../notesMasters/notesMaster1.xml"/></Relationships>
</file>

<file path=ppt/notesSlides/_rels/notesSlide5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3.xml"/><Relationship Id="rId1" Type="http://schemas.openxmlformats.org/officeDocument/2006/relationships/notesMaster" Target="../notesMasters/notesMaster1.xml"/></Relationships>
</file>

<file path=ppt/notesSlides/_rels/notesSlide5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4.xml"/><Relationship Id="rId1" Type="http://schemas.openxmlformats.org/officeDocument/2006/relationships/notesMaster" Target="../notesMasters/notesMaster1.xml"/></Relationships>
</file>

<file path=ppt/notesSlides/_rels/notesSlide5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6.xml"/><Relationship Id="rId1" Type="http://schemas.openxmlformats.org/officeDocument/2006/relationships/notesMaster" Target="../notesMasters/notesMaster1.xml"/></Relationships>
</file>

<file path=ppt/notesSlides/_rels/notesSlide5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715617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333444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540219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153933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440039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655727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943387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901377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252982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82505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878958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638635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65920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58461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5650702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4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0089159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4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151485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4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511504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59418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6050449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058927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4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01808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1503471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8334832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689734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9252150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Advantages – separation of backend and frontend – easier maintenance, easier to update components independently</a:t>
            </a:r>
          </a:p>
          <a:p>
            <a:r>
              <a:rPr lang="en-US"/>
              <a:t>In application as model we have classes prepared within hibernate -&gt; Book, Booking, </a:t>
            </a:r>
            <a:r>
              <a:rPr lang="en-US" err="1"/>
              <a:t>LibraryUser</a:t>
            </a:r>
            <a:r>
              <a:rPr lang="en-US"/>
              <a:t> – </a:t>
            </a:r>
            <a:r>
              <a:rPr lang="en-US" err="1"/>
              <a:t>src.main.java.library.model</a:t>
            </a:r>
            <a:endParaRPr lang="en-US"/>
          </a:p>
          <a:p>
            <a:r>
              <a:rPr lang="en-US"/>
              <a:t>Controllers have been defined per each model class – inside there is information how to handle each get/post/update requests, what is the mapping etc. – see package </a:t>
            </a:r>
            <a:r>
              <a:rPr lang="en-US" err="1"/>
              <a:t>src.main.java.library.controller</a:t>
            </a:r>
            <a:endParaRPr lang="en-US"/>
          </a:p>
          <a:p>
            <a:r>
              <a:rPr lang="en-US"/>
              <a:t>As view we have </a:t>
            </a:r>
            <a:r>
              <a:rPr lang="en-US" err="1"/>
              <a:t>thymeleaf</a:t>
            </a:r>
            <a:r>
              <a:rPr lang="en-US"/>
              <a:t> templates – </a:t>
            </a:r>
            <a:r>
              <a:rPr lang="en-US" err="1"/>
              <a:t>src.main.resources.templates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2271304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Only few mentioned – there are more of course </a:t>
            </a:r>
            <a:r>
              <a:rPr lang="en-US">
                <a:sym typeface="Wingdings" panose="05000000000000000000" pitchFamily="2" charset="2"/>
              </a:rPr>
              <a:t></a:t>
            </a:r>
            <a:endParaRPr lang="en-US"/>
          </a:p>
          <a:p>
            <a:r>
              <a:rPr lang="en-US"/>
              <a:t>Less configuration = less development time, less manual work, Spring boot is much comfortable to us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5793654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4351162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6164820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7526509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5254839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194640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902661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6649147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9804906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430205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6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7694401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2483620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877611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2366583"/>
      </p:ext>
    </p:extLst>
  </p:cSld>
  <p:clrMapOvr>
    <a:masterClrMapping/>
  </p:clrMapOvr>
</p:notes>
</file>

<file path=ppt/notesSlides/notesSlide4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4451996"/>
      </p:ext>
    </p:extLst>
  </p:cSld>
  <p:clrMapOvr>
    <a:masterClrMapping/>
  </p:clrMapOvr>
</p:notes>
</file>

<file path=ppt/notesSlides/notesSlide4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1680294"/>
      </p:ext>
    </p:extLst>
  </p:cSld>
  <p:clrMapOvr>
    <a:masterClrMapping/>
  </p:clrMapOvr>
</p:notes>
</file>

<file path=ppt/notesSlides/notesSlide4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678096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3927051"/>
      </p:ext>
    </p:extLst>
  </p:cSld>
  <p:clrMapOvr>
    <a:masterClrMapping/>
  </p:clrMapOvr>
</p:notes>
</file>

<file path=ppt/notesSlides/notesSlide5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929232"/>
      </p:ext>
    </p:extLst>
  </p:cSld>
  <p:clrMapOvr>
    <a:masterClrMapping/>
  </p:clrMapOvr>
</p:notes>
</file>

<file path=ppt/notesSlides/notesSlide5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7509147"/>
      </p:ext>
    </p:extLst>
  </p:cSld>
  <p:clrMapOvr>
    <a:masterClrMapping/>
  </p:clrMapOvr>
</p:notes>
</file>

<file path=ppt/notesSlides/notesSlide5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7915543"/>
      </p:ext>
    </p:extLst>
  </p:cSld>
  <p:clrMapOvr>
    <a:masterClrMapping/>
  </p:clrMapOvr>
</p:notes>
</file>

<file path=ppt/notesSlides/notesSlide5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9138073"/>
      </p:ext>
    </p:extLst>
  </p:cSld>
  <p:clrMapOvr>
    <a:masterClrMapping/>
  </p:clrMapOvr>
</p:notes>
</file>

<file path=ppt/notesSlides/notesSlide5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8704906"/>
      </p:ext>
    </p:extLst>
  </p:cSld>
  <p:clrMapOvr>
    <a:masterClrMapping/>
  </p:clrMapOvr>
</p:notes>
</file>

<file path=ppt/notesSlides/notesSlide5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326837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171738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910423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754438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6625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90AEF1-E4F1-43E6-9011-83D1F897105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0D6AF31-3FB1-4722-B380-00DE48957E5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092CC00-6198-432D-B80A-56DA31D0E4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C74A71-7CDC-496E-8A3A-1CB7D0CDF4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83AFF8-3A2B-462D-9044-D7A1B6D8E7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27997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F24229-5111-491F-8AF2-C9EB6EBF9E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A8C1E66-FFBB-4DC6-A007-41A32388C7D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B628CE-205D-49A6-8756-CD77B8A0AB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1545BB-C317-474E-8C6D-987EE87867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166B96-9AD2-46A0-8A07-35139428DF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60309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5A65FF5-EC07-41D2-8F54-05589898B20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05F224D-D458-4161-88DB-DBAB459BF49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76F4-C2E0-48F6-AAB2-0A4D0CB96E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E189D8-1CD4-41F4-8CEE-B02982FA33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DCB3EE4-780B-4D92-8F72-9C32759FE9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40068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GB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9633100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GB"/>
              <a:t>Use this space for relevant Ericsson URLs or hashtag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61685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912B3A-8C61-4552-B189-C246E7186D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07DB4C-444C-4F04-9930-A2F62F2DDB3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761C68-CD88-4A58-9A66-9683069FC7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1094F1C-EF40-41D3-ABCF-2BAE96CA0A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67404EC-9870-49F2-AB69-7EC0FCD0EE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59176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112921-70E3-41B8-AA7E-2AB24BB909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DE4069E-467B-47BC-B8EE-48F5C3B84FC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822D2B-1051-49A0-821C-549126B3B0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B2050F-A891-4561-BDB3-D5B3B910C7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587484A-8D2C-473A-A9A2-9D5C0587C5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11009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CC03F8-53A7-403A-88F6-E4E6443778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5B72118-5C62-4621-A899-24719DA26B8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7DAF584-1C4D-438E-B6FD-DFAD75B066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D978FA8-69DD-41B5-8235-1612CABE13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F40556B-74DE-4F10-B9A9-CB0B27B478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EFEC21-9BC3-4EC0-88A1-A9597E8634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56240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61DAB4-63EF-43C2-B483-9140B109A9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E7497A7-6BCD-4628-A325-DD19BF31D5E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A7E12C5-99B4-4CD1-9B21-72A39834428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76F5984-3D80-4FEC-99BA-61C27DBF780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127D7C3-F5C0-4338-8BAC-210E20916B1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FC53F47-EBB1-4130-85B8-CC5A187786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B5E0F52-6B40-4560-864D-8EDAC33BE8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DF67E25-514D-494D-BD4D-096AE3702D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40892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1444C3-D1CC-4AF6-A1AA-6EB0910C22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F2941BB-A436-4B98-BD14-E1AE9DDBDF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FF24FA3-2B57-4A44-94B7-B8F1E77094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2A959A8-1FE5-4B37-8D79-A6B20ED098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51844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352759E-0C31-46FF-BF62-1062EE4DB8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19D0410-F906-42EE-A1E7-33710FCF4F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12F4041-32C3-4935-BA1A-A7F73491A8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51412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63ADCC-D402-481A-9794-E622A77B8D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E2142BD-9D03-4A7E-BBDB-D941EA7754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E15541-658C-4039-9A3D-2640F7ACBE4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0E39671-1DA9-44AB-B27C-5E3FB19A2C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E8C6A33-6557-4A0F-9FCE-61045C0BBE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F2229CA-B9AE-455E-86CA-6B5296DE7A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473669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075438-6679-44DF-81A1-9DDE5EB2D9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34EB263-3D0C-4830-BECC-F61BD09CBC7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38473F-DAC9-46D7-AE3E-98DB2DA3FC9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93115A3-55FE-4E6A-AC59-6FDB1EE6EB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50301E7-2D89-4109-883D-BC464F9B98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3DBCCEC-56CF-4936-B1C6-C559AB6806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799239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7202553-FAF1-4D1E-BEDE-F59E4EBA450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90E7086-A12E-4AA8-9F1D-FC280B24A0D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46EA2A4-0E5E-48F9-AABB-17BE5FA593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47E5FE2-9CFE-439F-8FED-06FC27E2A517}" type="datetimeFigureOut">
              <a:rPr lang="en-US" smtClean="0"/>
              <a:t>12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22C1227-A6DA-491D-87C5-E872DEE61D5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F128C50-4529-474A-A017-9BCB6DC6D4B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47928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5" Type="http://schemas.openxmlformats.org/officeDocument/2006/relationships/image" Target="../media/image6.emf"/><Relationship Id="rId4" Type="http://schemas.openxmlformats.org/officeDocument/2006/relationships/image" Target="../media/image5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17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0.xml"/><Relationship Id="rId6" Type="http://schemas.openxmlformats.org/officeDocument/2006/relationships/image" Target="../media/image1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Relationship Id="rId9" Type="http://schemas.openxmlformats.org/officeDocument/2006/relationships/image" Target="../media/image19.sv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17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1.xml"/><Relationship Id="rId6" Type="http://schemas.openxmlformats.org/officeDocument/2006/relationships/image" Target="../media/image1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17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2.xml"/><Relationship Id="rId6" Type="http://schemas.openxmlformats.org/officeDocument/2006/relationships/image" Target="../media/image1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19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.xml"/><Relationship Id="rId6" Type="http://schemas.openxmlformats.org/officeDocument/2006/relationships/image" Target="../media/image18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5.xml"/><Relationship Id="rId5" Type="http://schemas.openxmlformats.org/officeDocument/2006/relationships/image" Target="../media/image21.png"/><Relationship Id="rId4" Type="http://schemas.openxmlformats.org/officeDocument/2006/relationships/image" Target="../media/image20.emf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17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8.xml"/><Relationship Id="rId6" Type="http://schemas.openxmlformats.org/officeDocument/2006/relationships/image" Target="../media/image1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19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9.xml"/><Relationship Id="rId6" Type="http://schemas.openxmlformats.org/officeDocument/2006/relationships/image" Target="../media/image18.png"/><Relationship Id="rId5" Type="http://schemas.openxmlformats.org/officeDocument/2006/relationships/image" Target="../media/image6.emf"/><Relationship Id="rId4" Type="http://schemas.openxmlformats.org/officeDocument/2006/relationships/image" Target="../media/image7.jpeg"/><Relationship Id="rId9" Type="http://schemas.openxmlformats.org/officeDocument/2006/relationships/image" Target="../media/image1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Relationship Id="rId6" Type="http://schemas.openxmlformats.org/officeDocument/2006/relationships/image" Target="../media/image6.emf"/><Relationship Id="rId5" Type="http://schemas.openxmlformats.org/officeDocument/2006/relationships/image" Target="../media/image9.jpeg"/><Relationship Id="rId4" Type="http://schemas.openxmlformats.org/officeDocument/2006/relationships/image" Target="../media/image8.jpe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19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0.xml"/><Relationship Id="rId6" Type="http://schemas.openxmlformats.org/officeDocument/2006/relationships/image" Target="../media/image18.png"/><Relationship Id="rId5" Type="http://schemas.openxmlformats.org/officeDocument/2006/relationships/image" Target="../media/image6.emf"/><Relationship Id="rId4" Type="http://schemas.openxmlformats.org/officeDocument/2006/relationships/image" Target="../media/image7.jpeg"/><Relationship Id="rId9" Type="http://schemas.openxmlformats.org/officeDocument/2006/relationships/image" Target="../media/image15.pn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19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1.xml"/><Relationship Id="rId6" Type="http://schemas.openxmlformats.org/officeDocument/2006/relationships/image" Target="../media/image18.png"/><Relationship Id="rId5" Type="http://schemas.openxmlformats.org/officeDocument/2006/relationships/image" Target="../media/image6.emf"/><Relationship Id="rId4" Type="http://schemas.openxmlformats.org/officeDocument/2006/relationships/image" Target="../media/image7.jpeg"/><Relationship Id="rId9" Type="http://schemas.openxmlformats.org/officeDocument/2006/relationships/image" Target="../media/image15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2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2.xml"/><Relationship Id="rId6" Type="http://schemas.openxmlformats.org/officeDocument/2006/relationships/image" Target="../media/image14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3.xml"/><Relationship Id="rId6" Type="http://schemas.openxmlformats.org/officeDocument/2006/relationships/image" Target="../media/image15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5.xml"/><Relationship Id="rId6" Type="http://schemas.openxmlformats.org/officeDocument/2006/relationships/image" Target="../media/image23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6.xml"/><Relationship Id="rId6" Type="http://schemas.openxmlformats.org/officeDocument/2006/relationships/image" Target="../media/image24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7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8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0.xml"/><Relationship Id="rId4" Type="http://schemas.openxmlformats.org/officeDocument/2006/relationships/image" Target="../media/image25.png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emf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12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emf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2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emf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12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emf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12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emf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2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emf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1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1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4" Type="http://schemas.openxmlformats.org/officeDocument/2006/relationships/image" Target="../media/image10.png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2.xml"/><Relationship Id="rId4" Type="http://schemas.openxmlformats.org/officeDocument/2006/relationships/image" Target="../media/image34.png"/></Relationships>
</file>

<file path=ppt/slides/_rels/slide4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8.png"/><Relationship Id="rId3" Type="http://schemas.openxmlformats.org/officeDocument/2006/relationships/notesSlide" Target="../notesSlides/notesSlide23.xml"/><Relationship Id="rId7" Type="http://schemas.openxmlformats.org/officeDocument/2006/relationships/image" Target="../media/image20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3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10" Type="http://schemas.openxmlformats.org/officeDocument/2006/relationships/image" Target="../media/image40.png"/><Relationship Id="rId4" Type="http://schemas.openxmlformats.org/officeDocument/2006/relationships/image" Target="../media/image35.png"/><Relationship Id="rId9" Type="http://schemas.openxmlformats.org/officeDocument/2006/relationships/image" Target="../media/image39.pn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4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5.xml"/><Relationship Id="rId6" Type="http://schemas.openxmlformats.org/officeDocument/2006/relationships/image" Target="../media/image6.emf"/><Relationship Id="rId5" Type="http://schemas.openxmlformats.org/officeDocument/2006/relationships/hyperlink" Target="https://start.spring.io/" TargetMode="External"/><Relationship Id="rId4" Type="http://schemas.openxmlformats.org/officeDocument/2006/relationships/image" Target="../media/image7.jpe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7" Type="http://schemas.openxmlformats.org/officeDocument/2006/relationships/image" Target="../media/image38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6.xml"/><Relationship Id="rId6" Type="http://schemas.openxmlformats.org/officeDocument/2006/relationships/hyperlink" Target="https://start.spring.io/" TargetMode="Externa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7.xml"/><Relationship Id="rId6" Type="http://schemas.openxmlformats.org/officeDocument/2006/relationships/image" Target="../media/image38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8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9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20.emf"/><Relationship Id="rId1" Type="http://schemas.openxmlformats.org/officeDocument/2006/relationships/slideLayout" Target="../slideLayouts/slideLayout12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0.xml"/><Relationship Id="rId6" Type="http://schemas.openxmlformats.org/officeDocument/2006/relationships/image" Target="../media/image3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2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.xml"/><Relationship Id="rId6" Type="http://schemas.openxmlformats.org/officeDocument/2006/relationships/image" Target="../media/image11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0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1.xml"/><Relationship Id="rId6" Type="http://schemas.openxmlformats.org/officeDocument/2006/relationships/image" Target="../media/image3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2.xml"/><Relationship Id="rId6" Type="http://schemas.openxmlformats.org/officeDocument/2006/relationships/image" Target="../media/image3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3.xml"/><Relationship Id="rId6" Type="http://schemas.openxmlformats.org/officeDocument/2006/relationships/image" Target="../media/image3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4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4.xml"/><Relationship Id="rId7" Type="http://schemas.openxmlformats.org/officeDocument/2006/relationships/image" Target="../media/image38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5.xml"/><Relationship Id="rId6" Type="http://schemas.openxmlformats.org/officeDocument/2006/relationships/image" Target="../media/image42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5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6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6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7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7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8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8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9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9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0.xml"/><Relationship Id="rId6" Type="http://schemas.openxmlformats.org/officeDocument/2006/relationships/image" Target="../media/image43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5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.xml"/><Relationship Id="rId6" Type="http://schemas.openxmlformats.org/officeDocument/2006/relationships/image" Target="../media/image14.png"/><Relationship Id="rId5" Type="http://schemas.openxmlformats.org/officeDocument/2006/relationships/image" Target="../media/image6.emf"/><Relationship Id="rId4" Type="http://schemas.openxmlformats.org/officeDocument/2006/relationships/image" Target="../media/image13.jpeg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0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1.xml"/><Relationship Id="rId6" Type="http://schemas.openxmlformats.org/officeDocument/2006/relationships/image" Target="../media/image44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2.xml"/><Relationship Id="rId6" Type="http://schemas.openxmlformats.org/officeDocument/2006/relationships/image" Target="../media/image45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3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4.xml"/><Relationship Id="rId4" Type="http://schemas.openxmlformats.org/officeDocument/2006/relationships/image" Target="../media/image46.png"/></Relationships>
</file>

<file path=ppt/slides/_rels/slide6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0.png"/><Relationship Id="rId3" Type="http://schemas.openxmlformats.org/officeDocument/2006/relationships/notesSlide" Target="../notesSlides/notesSlide43.xml"/><Relationship Id="rId7" Type="http://schemas.openxmlformats.org/officeDocument/2006/relationships/image" Target="../media/image49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55.xml"/><Relationship Id="rId6" Type="http://schemas.openxmlformats.org/officeDocument/2006/relationships/image" Target="../media/image48.png"/><Relationship Id="rId5" Type="http://schemas.openxmlformats.org/officeDocument/2006/relationships/image" Target="../media/image47.png"/><Relationship Id="rId4" Type="http://schemas.openxmlformats.org/officeDocument/2006/relationships/image" Target="../media/image20.emf"/><Relationship Id="rId9" Type="http://schemas.openxmlformats.org/officeDocument/2006/relationships/image" Target="../media/image51.png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4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6.xml"/><Relationship Id="rId6" Type="http://schemas.openxmlformats.org/officeDocument/2006/relationships/image" Target="../media/image47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5.xml"/><Relationship Id="rId7" Type="http://schemas.openxmlformats.org/officeDocument/2006/relationships/image" Target="../media/image47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7.xml"/><Relationship Id="rId6" Type="http://schemas.openxmlformats.org/officeDocument/2006/relationships/hyperlink" Target="https://www.wimdeblauwe.com/blog/2021/09/23/todomvc-with-spring-boot-and-thymeleaf-part-2/" TargetMode="Externa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6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8.xml"/><Relationship Id="rId6" Type="http://schemas.openxmlformats.org/officeDocument/2006/relationships/image" Target="../media/image52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7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9.xml"/><Relationship Id="rId6" Type="http://schemas.openxmlformats.org/officeDocument/2006/relationships/image" Target="../media/image53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8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0.xml"/><Relationship Id="rId6" Type="http://schemas.openxmlformats.org/officeDocument/2006/relationships/image" Target="../media/image48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notesSlide" Target="../notesSlides/notesSlide5.xml"/><Relationship Id="rId7" Type="http://schemas.openxmlformats.org/officeDocument/2006/relationships/image" Target="../media/image12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Relationship Id="rId6" Type="http://schemas.openxmlformats.org/officeDocument/2006/relationships/image" Target="../media/image11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9.xml"/><Relationship Id="rId7" Type="http://schemas.openxmlformats.org/officeDocument/2006/relationships/image" Target="../media/image55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1.xml"/><Relationship Id="rId6" Type="http://schemas.openxmlformats.org/officeDocument/2006/relationships/image" Target="../media/image54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0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2.xml"/><Relationship Id="rId6" Type="http://schemas.openxmlformats.org/officeDocument/2006/relationships/image" Target="../media/image5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3.xml"/><Relationship Id="rId6" Type="http://schemas.openxmlformats.org/officeDocument/2006/relationships/image" Target="../media/image57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4.xml"/><Relationship Id="rId6" Type="http://schemas.openxmlformats.org/officeDocument/2006/relationships/image" Target="../media/image58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5.xml"/><Relationship Id="rId6" Type="http://schemas.openxmlformats.org/officeDocument/2006/relationships/image" Target="../media/image59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6.xml"/><Relationship Id="rId4" Type="http://schemas.openxmlformats.org/officeDocument/2006/relationships/image" Target="../media/image60.png"/></Relationships>
</file>

<file path=ppt/slides/_rels/slide76.xml.rels><?xml version="1.0" encoding="UTF-8" standalone="yes"?>
<Relationships xmlns="http://schemas.openxmlformats.org/package/2006/relationships"><Relationship Id="rId8" Type="http://schemas.openxmlformats.org/officeDocument/2006/relationships/hyperlink" Target="https://freesvg.org/books" TargetMode="External"/><Relationship Id="rId3" Type="http://schemas.openxmlformats.org/officeDocument/2006/relationships/notesSlide" Target="../notesSlides/notesSlide54.xml"/><Relationship Id="rId7" Type="http://schemas.openxmlformats.org/officeDocument/2006/relationships/hyperlink" Target="https://openclipart.org/detail/314949/librarian-2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7.xml"/><Relationship Id="rId6" Type="http://schemas.openxmlformats.org/officeDocument/2006/relationships/hyperlink" Target="https://publicdomainvectors.org/pl/wektorow-swobodnych/Grafika-wektorowa-budynku-szko%C5%82y/11750.html" TargetMode="External"/><Relationship Id="rId5" Type="http://schemas.openxmlformats.org/officeDocument/2006/relationships/image" Target="../media/image6.emf"/><Relationship Id="rId10" Type="http://schemas.openxmlformats.org/officeDocument/2006/relationships/hyperlink" Target="https://openclipart.org/detail/298193/librarian" TargetMode="External"/><Relationship Id="rId4" Type="http://schemas.openxmlformats.org/officeDocument/2006/relationships/image" Target="../media/image7.jpeg"/><Relationship Id="rId9" Type="http://schemas.openxmlformats.org/officeDocument/2006/relationships/hyperlink" Target="https://images.rawpixel.com/image_800/czNmcy1wcml2YXRlL3Jhd3BpeGVsX2ltYWdlcy93ZWJzaXRlX2NvbnRlbnQvbHIvam9iNjczLTE1OS14LmpwZw.jpg?s=l3MJkiQKcO5Q1lqiFPEpZn-HyL-CZmKAjsEnk9XR1bA" TargetMode="External"/></Relationships>
</file>

<file path=ppt/slides/_rels/slide77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wimdeblauwe.com/blog/2021/09/23/todomvc-with-spring-boot-and-thymeleaf-part-2/" TargetMode="External"/><Relationship Id="rId3" Type="http://schemas.openxmlformats.org/officeDocument/2006/relationships/notesSlide" Target="../notesSlides/notesSlide55.xml"/><Relationship Id="rId7" Type="http://schemas.openxmlformats.org/officeDocument/2006/relationships/hyperlink" Target="https://www.freecodecamp.org/news/the-model-view-controller-pattern-mvc-architecture-and-frameworks-explained/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8.xml"/><Relationship Id="rId6" Type="http://schemas.openxmlformats.org/officeDocument/2006/relationships/hyperlink" Target="https://www.interviewbit.com/blog/difference-between-spring-mvc-and-spring-boot/" TargetMode="External"/><Relationship Id="rId5" Type="http://schemas.openxmlformats.org/officeDocument/2006/relationships/image" Target="../media/image6.emf"/><Relationship Id="rId10" Type="http://schemas.openxmlformats.org/officeDocument/2006/relationships/hyperlink" Target="https://www.baeldung.com/thymeleaf-in-spring-mvc" TargetMode="External"/><Relationship Id="rId4" Type="http://schemas.openxmlformats.org/officeDocument/2006/relationships/image" Target="../media/image7.jpeg"/><Relationship Id="rId9" Type="http://schemas.openxmlformats.org/officeDocument/2006/relationships/hyperlink" Target="https://www.thymeleaf.org/" TargetMode="External"/></Relationships>
</file>

<file path=ppt/slides/_rels/slide7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3.xml"/><Relationship Id="rId1" Type="http://schemas.openxmlformats.org/officeDocument/2006/relationships/tags" Target="../tags/tag69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2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.xml"/><Relationship Id="rId6" Type="http://schemas.openxmlformats.org/officeDocument/2006/relationships/image" Target="../media/image11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 picture containing text&#10;&#10;Description automatically generated">
            <a:extLst>
              <a:ext uri="{FF2B5EF4-FFF2-40B4-BE49-F238E27FC236}">
                <a16:creationId xmlns:a16="http://schemas.microsoft.com/office/drawing/2014/main" id="{82CCACEA-EF29-4656-BD09-045D0E2DF86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288252" cy="6857999"/>
          </a:xfrm>
          <a:prstGeom prst="rect">
            <a:avLst/>
          </a:prstGeom>
        </p:spPr>
      </p:pic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0" name="Title 7">
            <a:extLst>
              <a:ext uri="{FF2B5EF4-FFF2-40B4-BE49-F238E27FC236}">
                <a16:creationId xmlns:a16="http://schemas.microsoft.com/office/drawing/2014/main" id="{7C5FE611-39EE-4B46-AE3D-20B79AE0A055}"/>
              </a:ext>
            </a:extLst>
          </p:cNvPr>
          <p:cNvSpPr txBox="1">
            <a:spLocks/>
          </p:cNvSpPr>
          <p:nvPr/>
        </p:nvSpPr>
        <p:spPr>
          <a:xfrm>
            <a:off x="226801" y="464416"/>
            <a:ext cx="11738398" cy="345757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0" b="0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Designing simple web</a:t>
            </a: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8000">
                <a:latin typeface="Ericsson Hilda Light"/>
              </a:rPr>
              <a:t>Application in Spring Boot</a:t>
            </a:r>
            <a:endParaRPr kumimoji="0" lang="en-US" sz="8000" b="0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sp>
        <p:nvSpPr>
          <p:cNvPr id="11" name="Subtitle 13">
            <a:extLst>
              <a:ext uri="{FF2B5EF4-FFF2-40B4-BE49-F238E27FC236}">
                <a16:creationId xmlns:a16="http://schemas.microsoft.com/office/drawing/2014/main" id="{3B82196B-FF1B-419C-9DC4-26B79675B636}"/>
              </a:ext>
            </a:extLst>
          </p:cNvPr>
          <p:cNvSpPr txBox="1">
            <a:spLocks/>
          </p:cNvSpPr>
          <p:nvPr/>
        </p:nvSpPr>
        <p:spPr>
          <a:xfrm>
            <a:off x="7114232" y="6386368"/>
            <a:ext cx="7164475" cy="1761725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b="1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Kinga Gniadek, Łukasz Kutrzuba 07-12-202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389581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Real–world objects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3DAA1178-3559-49CE-B87A-60ADF3696C18}"/>
              </a:ext>
            </a:extLst>
          </p:cNvPr>
          <p:cNvGrpSpPr/>
          <p:nvPr/>
        </p:nvGrpSpPr>
        <p:grpSpPr>
          <a:xfrm>
            <a:off x="1906885" y="1755508"/>
            <a:ext cx="3012213" cy="3243321"/>
            <a:chOff x="438150" y="1866900"/>
            <a:chExt cx="3124200" cy="3124200"/>
          </a:xfrm>
        </p:grpSpPr>
        <p:pic>
          <p:nvPicPr>
            <p:cNvPr id="17" name="Graphic 16" descr="An open book">
              <a:extLst>
                <a:ext uri="{FF2B5EF4-FFF2-40B4-BE49-F238E27FC236}">
                  <a16:creationId xmlns:a16="http://schemas.microsoft.com/office/drawing/2014/main" id="{FC53A68C-1153-4FA4-A280-8C187B33AB2B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438150" y="1866900"/>
              <a:ext cx="3124200" cy="3124200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0C90B137-D639-49D7-BE15-4CC61807B9B7}"/>
                </a:ext>
              </a:extLst>
            </p:cNvPr>
            <p:cNvSpPr txBox="1"/>
            <p:nvPr/>
          </p:nvSpPr>
          <p:spPr>
            <a:xfrm>
              <a:off x="1069255" y="4436514"/>
              <a:ext cx="1861989" cy="4770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Book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505AE454-CC82-4555-8353-E3DA04A698B6}"/>
              </a:ext>
            </a:extLst>
          </p:cNvPr>
          <p:cNvGrpSpPr/>
          <p:nvPr/>
        </p:nvGrpSpPr>
        <p:grpSpPr>
          <a:xfrm>
            <a:off x="6942141" y="1461740"/>
            <a:ext cx="2963793" cy="3690105"/>
            <a:chOff x="6362700" y="2053145"/>
            <a:chExt cx="2747502" cy="3555558"/>
          </a:xfrm>
        </p:grpSpPr>
        <p:pic>
          <p:nvPicPr>
            <p:cNvPr id="3" name="Graphic 2" descr="Graph and note paper pads with pencil">
              <a:extLst>
                <a:ext uri="{FF2B5EF4-FFF2-40B4-BE49-F238E27FC236}">
                  <a16:creationId xmlns:a16="http://schemas.microsoft.com/office/drawing/2014/main" id="{62FE843E-FB18-4E0B-AB68-CE398BBA15B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362700" y="2053145"/>
              <a:ext cx="2747502" cy="2747502"/>
            </a:xfrm>
            <a:prstGeom prst="rect">
              <a:avLst/>
            </a:prstGeom>
          </p:spPr>
        </p:pic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6897E0EA-5DB1-473D-A49D-74950D28B7DC}"/>
                </a:ext>
              </a:extLst>
            </p:cNvPr>
            <p:cNvSpPr txBox="1"/>
            <p:nvPr/>
          </p:nvSpPr>
          <p:spPr>
            <a:xfrm>
              <a:off x="6805456" y="4746929"/>
              <a:ext cx="1861989" cy="86177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y card ID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</p:grpSp>
      <p:sp>
        <p:nvSpPr>
          <p:cNvPr id="21" name="Arrow: Left-Right-Up 20">
            <a:extLst>
              <a:ext uri="{FF2B5EF4-FFF2-40B4-BE49-F238E27FC236}">
                <a16:creationId xmlns:a16="http://schemas.microsoft.com/office/drawing/2014/main" id="{3D1C55F5-D205-48BB-98F5-FD3FE83028E7}"/>
              </a:ext>
            </a:extLst>
          </p:cNvPr>
          <p:cNvSpPr/>
          <p:nvPr/>
        </p:nvSpPr>
        <p:spPr>
          <a:xfrm>
            <a:off x="4916045" y="4399939"/>
            <a:ext cx="1589596" cy="910959"/>
          </a:xfrm>
          <a:prstGeom prst="leftRight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515A59C5-B1F0-47F3-B107-369A318AF699}"/>
              </a:ext>
            </a:extLst>
          </p:cNvPr>
          <p:cNvSpPr txBox="1"/>
          <p:nvPr/>
        </p:nvSpPr>
        <p:spPr>
          <a:xfrm>
            <a:off x="5052466" y="5462176"/>
            <a:ext cx="1589596" cy="4770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NTED</a:t>
            </a:r>
            <a:endParaRPr lang="en-US" sz="2000">
              <a:latin typeface="Ericsson Hilda" panose="00000500000000000000" pitchFamily="2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12F66E70-E1DE-446E-A82F-8B7657AE603C}"/>
              </a:ext>
            </a:extLst>
          </p:cNvPr>
          <p:cNvSpPr txBox="1"/>
          <p:nvPr/>
        </p:nvSpPr>
        <p:spPr>
          <a:xfrm>
            <a:off x="8010644" y="2417137"/>
            <a:ext cx="1080172" cy="646331"/>
          </a:xfrm>
          <a:prstGeom prst="rect">
            <a:avLst/>
          </a:prstGeom>
          <a:noFill/>
          <a:ln w="38100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b="1">
                <a:solidFill>
                  <a:schemeClr val="accent2"/>
                </a:solidFill>
              </a:rPr>
              <a:t>Library Card ID</a:t>
            </a:r>
          </a:p>
          <a:p>
            <a:r>
              <a:rPr lang="en-US" sz="1200" b="1">
                <a:solidFill>
                  <a:schemeClr val="accent2"/>
                </a:solidFill>
              </a:rPr>
              <a:t>123456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C8193E12-0BCC-4DF6-8CDC-3E4FB4022A3E}"/>
              </a:ext>
            </a:extLst>
          </p:cNvPr>
          <p:cNvSpPr txBox="1"/>
          <p:nvPr/>
        </p:nvSpPr>
        <p:spPr>
          <a:xfrm>
            <a:off x="2482022" y="3433293"/>
            <a:ext cx="921030" cy="553998"/>
          </a:xfrm>
          <a:prstGeom prst="rect">
            <a:avLst/>
          </a:prstGeom>
          <a:noFill/>
          <a:ln w="28575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500" b="1">
                <a:solidFill>
                  <a:schemeClr val="accent2"/>
                </a:solidFill>
              </a:rPr>
              <a:t>Book ID 379234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53B81805-C5BC-5700-5849-AE31C7251D24}"/>
              </a:ext>
            </a:extLst>
          </p:cNvPr>
          <p:cNvSpPr/>
          <p:nvPr/>
        </p:nvSpPr>
        <p:spPr>
          <a:xfrm>
            <a:off x="11313383" y="6180400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7195309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Book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2194180"/>
            <a:ext cx="7057421" cy="278537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Usually inside any library we have many books on the shelves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Each book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has unique book ID</a:t>
            </a:r>
            <a:r>
              <a:rPr lang="en-US" sz="2500">
                <a:latin typeface="Ericsson Hilda"/>
              </a:rPr>
              <a:t>,</a:t>
            </a:r>
            <a:endParaRPr lang="en-US" sz="2500" b="1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Each book has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title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and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author.</a:t>
            </a:r>
            <a:endParaRPr lang="en-US" sz="2500"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18" name="Graphic 17" descr="An open book">
            <a:extLst>
              <a:ext uri="{FF2B5EF4-FFF2-40B4-BE49-F238E27FC236}">
                <a16:creationId xmlns:a16="http://schemas.microsoft.com/office/drawing/2014/main" id="{4CDBF5D4-A44E-43B1-B053-2637FCFC673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683121" y="1224273"/>
            <a:ext cx="4107089" cy="466222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832B60CE-874B-4042-B20F-DC1281AF9D96}"/>
              </a:ext>
            </a:extLst>
          </p:cNvPr>
          <p:cNvSpPr txBox="1"/>
          <p:nvPr/>
        </p:nvSpPr>
        <p:spPr>
          <a:xfrm>
            <a:off x="8344828" y="2515743"/>
            <a:ext cx="962907" cy="553998"/>
          </a:xfrm>
          <a:prstGeom prst="rect">
            <a:avLst/>
          </a:prstGeom>
          <a:noFill/>
          <a:ln w="28575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500" b="1">
                <a:solidFill>
                  <a:schemeClr val="accent2"/>
                </a:solidFill>
              </a:rPr>
              <a:t>Book ID 379234</a:t>
            </a: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243A7F5D-3581-0B36-BC1C-32CFACCCCA23}"/>
              </a:ext>
            </a:extLst>
          </p:cNvPr>
          <p:cNvSpPr/>
          <p:nvPr/>
        </p:nvSpPr>
        <p:spPr>
          <a:xfrm>
            <a:off x="11313383" y="6180400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709022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Book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1756449"/>
            <a:ext cx="7057421" cy="432426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Other important properties are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ISBN </a:t>
            </a:r>
            <a:r>
              <a:rPr lang="en-US" sz="2500">
                <a:latin typeface="Ericsson Hilda"/>
              </a:rPr>
              <a:t>and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year of publication</a:t>
            </a:r>
            <a:r>
              <a:rPr lang="en-US" sz="2500">
                <a:latin typeface="Ericsson Hilda"/>
              </a:rPr>
              <a:t>,</a:t>
            </a: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0000"/>
              </a:solidFill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Book can have a few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categories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(for example: novel, romance, horror, fantasy, science-fiction…)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Finding a particular book in big store might be difficult. To help Librarians with this task we added field 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shelf</a:t>
            </a:r>
            <a:r>
              <a:rPr lang="en-US" sz="2500">
                <a:latin typeface="Ericsson Hilda"/>
              </a:rPr>
              <a:t>. This field represents physical location of book in library building.</a:t>
            </a: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18" name="Graphic 17" descr="An open book">
            <a:extLst>
              <a:ext uri="{FF2B5EF4-FFF2-40B4-BE49-F238E27FC236}">
                <a16:creationId xmlns:a16="http://schemas.microsoft.com/office/drawing/2014/main" id="{4CDBF5D4-A44E-43B1-B053-2637FCFC673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208668" y="1224273"/>
            <a:ext cx="4107089" cy="466222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832B60CE-874B-4042-B20F-DC1281AF9D96}"/>
              </a:ext>
            </a:extLst>
          </p:cNvPr>
          <p:cNvSpPr txBox="1"/>
          <p:nvPr/>
        </p:nvSpPr>
        <p:spPr>
          <a:xfrm>
            <a:off x="7870375" y="2515743"/>
            <a:ext cx="962907" cy="553998"/>
          </a:xfrm>
          <a:prstGeom prst="rect">
            <a:avLst/>
          </a:prstGeom>
          <a:noFill/>
          <a:ln w="28575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500" b="1">
                <a:solidFill>
                  <a:schemeClr val="accent2"/>
                </a:solidFill>
              </a:rPr>
              <a:t>Book ID 379234</a:t>
            </a: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D517C33A-18D8-F370-EEE7-E99EDA6F3BA6}"/>
              </a:ext>
            </a:extLst>
          </p:cNvPr>
          <p:cNvSpPr/>
          <p:nvPr/>
        </p:nvSpPr>
        <p:spPr>
          <a:xfrm>
            <a:off x="11383939" y="6222734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3806720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20" y="0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Library card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1834586"/>
            <a:ext cx="7322876" cy="278537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Each user registered in library gets the printed document: “Library Card“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Each Library CARD has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unique ID</a:t>
            </a:r>
            <a:r>
              <a:rPr lang="en-US" sz="2500">
                <a:latin typeface="Ericsson Hilda"/>
              </a:rPr>
              <a:t>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The same ID is used in our system. Book Rental application identifies users by Library CARD ID.</a:t>
            </a:r>
          </a:p>
        </p:txBody>
      </p:sp>
      <p:pic>
        <p:nvPicPr>
          <p:cNvPr id="8" name="Graphic 7" descr="Graph and note paper pads with pencil">
            <a:extLst>
              <a:ext uri="{FF2B5EF4-FFF2-40B4-BE49-F238E27FC236}">
                <a16:creationId xmlns:a16="http://schemas.microsoft.com/office/drawing/2014/main" id="{6923C743-9AB6-42FC-8006-582DD9C53712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536946" y="1640977"/>
            <a:ext cx="3586775" cy="4071578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C74A88D0-C536-4254-9C5A-0FD7201CF2C3}"/>
              </a:ext>
            </a:extLst>
          </p:cNvPr>
          <p:cNvSpPr txBox="1"/>
          <p:nvPr/>
        </p:nvSpPr>
        <p:spPr>
          <a:xfrm>
            <a:off x="8797771" y="2938509"/>
            <a:ext cx="1624613" cy="646331"/>
          </a:xfrm>
          <a:prstGeom prst="rect">
            <a:avLst/>
          </a:prstGeom>
          <a:noFill/>
          <a:ln w="38100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b="1">
                <a:solidFill>
                  <a:schemeClr val="accent2"/>
                </a:solidFill>
              </a:rPr>
              <a:t>Library Card ID</a:t>
            </a:r>
          </a:p>
          <a:p>
            <a:r>
              <a:rPr lang="en-US" b="1">
                <a:solidFill>
                  <a:schemeClr val="accent2"/>
                </a:solidFill>
              </a:rPr>
              <a:t>123456</a:t>
            </a: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56752994-109E-A46B-005B-220B43F65818}"/>
              </a:ext>
            </a:extLst>
          </p:cNvPr>
          <p:cNvSpPr/>
          <p:nvPr/>
        </p:nvSpPr>
        <p:spPr>
          <a:xfrm>
            <a:off x="11383939" y="6222734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9481175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Use cases</a:t>
            </a:r>
          </a:p>
        </p:txBody>
      </p:sp>
      <p:sp>
        <p:nvSpPr>
          <p:cNvPr id="5" name="Star: 7 Points 4">
            <a:extLst>
              <a:ext uri="{FF2B5EF4-FFF2-40B4-BE49-F238E27FC236}">
                <a16:creationId xmlns:a16="http://schemas.microsoft.com/office/drawing/2014/main" id="{A2EB03B5-F842-43F2-A9C2-954BDD2844AA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7057648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4BAD13AA-AE4F-4010-BF6B-D5E963B1E7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82EB3A7-85EF-4720-B0BD-DA09EC95465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81050" y="61912"/>
            <a:ext cx="10629900" cy="6734175"/>
          </a:xfrm>
          <a:prstGeom prst="rect">
            <a:avLst/>
          </a:prstGeom>
        </p:spPr>
      </p:pic>
      <p:sp>
        <p:nvSpPr>
          <p:cNvPr id="8" name="Star: 7 Points 7">
            <a:extLst>
              <a:ext uri="{FF2B5EF4-FFF2-40B4-BE49-F238E27FC236}">
                <a16:creationId xmlns:a16="http://schemas.microsoft.com/office/drawing/2014/main" id="{A125CFCC-1EC6-4D23-8F0A-B159B2417390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986557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Scenarios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2F475B81-24BA-8082-2AA1-78EEEC171462}"/>
              </a:ext>
            </a:extLst>
          </p:cNvPr>
          <p:cNvSpPr/>
          <p:nvPr/>
        </p:nvSpPr>
        <p:spPr>
          <a:xfrm>
            <a:off x="11285161" y="6194512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8552380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859531" y="2004501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 sz="4000">
                <a:solidFill>
                  <a:srgbClr val="FFFF00"/>
                </a:solidFill>
                <a:latin typeface="Ericsson Hilda"/>
              </a:rPr>
              <a:t>Yellow – activities in "real world", for example putting book on the shelf</a:t>
            </a:r>
            <a:endParaRPr lang="en-GB" sz="4000">
              <a:solidFill>
                <a:srgbClr val="FFFF00"/>
              </a:solidFill>
              <a:latin typeface="Ericsson Hilda"/>
              <a:cs typeface="Calibri Light" panose="020F0302020204030204"/>
            </a:endParaRPr>
          </a:p>
          <a:p>
            <a:pPr algn="ctr"/>
            <a:endParaRPr lang="en-GB" sz="4000">
              <a:solidFill>
                <a:schemeClr val="tx1"/>
              </a:solidFill>
              <a:latin typeface="Ericsson Hilda"/>
            </a:endParaRPr>
          </a:p>
          <a:p>
            <a:pPr algn="ctr"/>
            <a:r>
              <a:rPr lang="en-GB" sz="4000">
                <a:solidFill>
                  <a:schemeClr val="tx1"/>
                </a:solidFill>
                <a:latin typeface="Ericsson Hilda"/>
              </a:rPr>
              <a:t>White – virtual activities in Book Rental application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46DA9ACF-4838-FA34-467E-DDD50F9F9F3D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401251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latin typeface="Ericsson Hilda Light"/>
              </a:rPr>
              <a:t>Scenario 1: Library</a:t>
            </a:r>
            <a:r>
              <a:rPr kumimoji="0" lang="en-US" sz="4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</a:t>
            </a:r>
            <a:r>
              <a:rPr lang="en-US" sz="4800" b="1">
                <a:latin typeface="Ericsson Hilda Light"/>
              </a:rPr>
              <a:t>bought</a:t>
            </a:r>
            <a:r>
              <a:rPr kumimoji="0" lang="en-US" sz="4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a new book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871647" y="2456087"/>
            <a:ext cx="7755994" cy="3108543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>
                <a:solidFill>
                  <a:srgbClr val="FFFF00"/>
                </a:solidFill>
                <a:latin typeface="Ericsson Hilda"/>
              </a:rPr>
              <a:t>Librarian puts the new book on the shelf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>
                <a:latin typeface="Ericsson Hilda"/>
              </a:rPr>
              <a:t>Librarian starts the Book Rental application, logs in and clicks “Add New Book” button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>
                <a:latin typeface="Ericsson Hilda"/>
              </a:rPr>
              <a:t>Librarian fills in the form and confirms operation. Book is added to the system.</a:t>
            </a:r>
          </a:p>
        </p:txBody>
      </p:sp>
      <p:pic>
        <p:nvPicPr>
          <p:cNvPr id="11" name="Graphic 10" descr="An open book">
            <a:extLst>
              <a:ext uri="{FF2B5EF4-FFF2-40B4-BE49-F238E27FC236}">
                <a16:creationId xmlns:a16="http://schemas.microsoft.com/office/drawing/2014/main" id="{404A1566-ED9A-489B-8B64-B6D843A7786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474404" y="3522221"/>
            <a:ext cx="1963499" cy="2228893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F2B9393F-CE1D-4BB5-8541-9302AEE8E662}"/>
              </a:ext>
            </a:extLst>
          </p:cNvPr>
          <p:cNvSpPr txBox="1"/>
          <p:nvPr/>
        </p:nvSpPr>
        <p:spPr>
          <a:xfrm>
            <a:off x="2398900" y="4421223"/>
            <a:ext cx="641475" cy="430887"/>
          </a:xfrm>
          <a:prstGeom prst="rect">
            <a:avLst/>
          </a:prstGeom>
          <a:noFill/>
          <a:ln w="28575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100" b="1">
                <a:solidFill>
                  <a:schemeClr val="accent2"/>
                </a:solidFill>
              </a:rPr>
              <a:t>Book ID 379234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54C4257-AC43-12D3-CBA8-3FC0D00AF6E7}"/>
              </a:ext>
            </a:extLst>
          </p:cNvPr>
          <p:cNvSpPr txBox="1"/>
          <p:nvPr/>
        </p:nvSpPr>
        <p:spPr>
          <a:xfrm>
            <a:off x="536195" y="5835454"/>
            <a:ext cx="2221422" cy="5375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500" b="1">
                <a:latin typeface="Ericsson Hilda" panose="00000500000000000000" pitchFamily="2" charset="0"/>
              </a:rPr>
              <a:t>Librarian</a:t>
            </a:r>
            <a:endParaRPr lang="en-US" sz="2000">
              <a:latin typeface="Ericsson Hilda" panose="00000500000000000000" pitchFamily="2" charset="0"/>
            </a:endParaRPr>
          </a:p>
        </p:txBody>
      </p:sp>
      <p:pic>
        <p:nvPicPr>
          <p:cNvPr id="5" name="Picture 4" descr="Icon&#10;&#10;Description automatically generated">
            <a:extLst>
              <a:ext uri="{FF2B5EF4-FFF2-40B4-BE49-F238E27FC236}">
                <a16:creationId xmlns:a16="http://schemas.microsoft.com/office/drawing/2014/main" id="{C600E640-0889-3DAD-C02B-3A7A3D5B754E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64923" y="1260986"/>
            <a:ext cx="1807542" cy="4520383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B6C6C2D8-FCA9-E65E-FEA7-3CD70CD64A16}"/>
              </a:ext>
            </a:extLst>
          </p:cNvPr>
          <p:cNvSpPr txBox="1"/>
          <p:nvPr/>
        </p:nvSpPr>
        <p:spPr>
          <a:xfrm>
            <a:off x="2287974" y="1230164"/>
            <a:ext cx="5396505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00B0F0"/>
                </a:solidFill>
                <a:latin typeface="Ericsson Hilda"/>
              </a:rPr>
              <a:t>&lt;&lt;INSIDE LIBRARY&gt;&gt;</a:t>
            </a:r>
            <a:endParaRPr lang="en-US" sz="3200" b="1">
              <a:solidFill>
                <a:srgbClr val="00B0F0"/>
              </a:solidFill>
              <a:cs typeface="Calibri"/>
            </a:endParaRPr>
          </a:p>
        </p:txBody>
      </p:sp>
      <p:sp>
        <p:nvSpPr>
          <p:cNvPr id="16" name="Star: 7 Points 15">
            <a:extLst>
              <a:ext uri="{FF2B5EF4-FFF2-40B4-BE49-F238E27FC236}">
                <a16:creationId xmlns:a16="http://schemas.microsoft.com/office/drawing/2014/main" id="{2DA483E4-86B8-46A0-AAA1-7738E00E405A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6652202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latin typeface="Ericsson Hilda Light"/>
              </a:rPr>
              <a:t>Scenario 2: New</a:t>
            </a:r>
            <a:r>
              <a:rPr kumimoji="0" lang="en-US" sz="4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reader came </a:t>
            </a:r>
            <a:r>
              <a:rPr lang="en-US" sz="4800" b="1">
                <a:latin typeface="Ericsson Hilda Light"/>
              </a:rPr>
              <a:t>to</a:t>
            </a:r>
            <a:r>
              <a:rPr kumimoji="0" lang="en-US" sz="4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</a:t>
            </a:r>
            <a:r>
              <a:rPr lang="en-US" sz="4800" b="1">
                <a:latin typeface="Ericsson Hilda Light"/>
              </a:rPr>
              <a:t>the library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182817" y="2026323"/>
            <a:ext cx="6330772" cy="355481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New Reader arrived. The person wants to join library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Librarian starts the Book Rental application, logs in and fills in the form “Add New User”. Unique ID is generated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Library CARD ID is printed by Librarian. Document is given to the user.</a:t>
            </a:r>
          </a:p>
        </p:txBody>
      </p:sp>
      <p:pic>
        <p:nvPicPr>
          <p:cNvPr id="20" name="Graphic 19" descr="Graph and note paper pads with pencil">
            <a:extLst>
              <a:ext uri="{FF2B5EF4-FFF2-40B4-BE49-F238E27FC236}">
                <a16:creationId xmlns:a16="http://schemas.microsoft.com/office/drawing/2014/main" id="{25FFE7A1-45AF-47BB-8457-AB1839B78A3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390616" y="4041173"/>
            <a:ext cx="1795460" cy="1822191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511BE9F4-4CD5-406E-9752-5010FA55B7EC}"/>
              </a:ext>
            </a:extLst>
          </p:cNvPr>
          <p:cNvSpPr txBox="1"/>
          <p:nvPr/>
        </p:nvSpPr>
        <p:spPr>
          <a:xfrm>
            <a:off x="2050681" y="4554603"/>
            <a:ext cx="769955" cy="646331"/>
          </a:xfrm>
          <a:prstGeom prst="rect">
            <a:avLst/>
          </a:prstGeom>
          <a:noFill/>
          <a:ln w="38100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b="1">
                <a:solidFill>
                  <a:schemeClr val="accent2"/>
                </a:solidFill>
              </a:rPr>
              <a:t>Library Card ID</a:t>
            </a:r>
          </a:p>
          <a:p>
            <a:r>
              <a:rPr lang="en-US" sz="1200" b="1">
                <a:solidFill>
                  <a:schemeClr val="accent2"/>
                </a:solidFill>
              </a:rPr>
              <a:t>123456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24F8BE13-83BE-4516-A7F6-1D56FD5A6F1F}"/>
              </a:ext>
            </a:extLst>
          </p:cNvPr>
          <p:cNvGrpSpPr/>
          <p:nvPr/>
        </p:nvGrpSpPr>
        <p:grpSpPr>
          <a:xfrm>
            <a:off x="9507666" y="1219941"/>
            <a:ext cx="2221422" cy="5153031"/>
            <a:chOff x="9292006" y="1320583"/>
            <a:chExt cx="2221422" cy="5153031"/>
          </a:xfrm>
        </p:grpSpPr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3BD7FB58-27F4-848E-78AD-4F99451BF1C1}"/>
                </a:ext>
              </a:extLst>
            </p:cNvPr>
            <p:cNvSpPr txBox="1"/>
            <p:nvPr/>
          </p:nvSpPr>
          <p:spPr>
            <a:xfrm>
              <a:off x="9292006" y="5936095"/>
              <a:ext cx="2221422" cy="53751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ian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8" name="Picture 7" descr="Icon&#10;&#10;Description automatically generated">
              <a:extLst>
                <a:ext uri="{FF2B5EF4-FFF2-40B4-BE49-F238E27FC236}">
                  <a16:creationId xmlns:a16="http://schemas.microsoft.com/office/drawing/2014/main" id="{352C0C6F-7541-1BBD-1634-48B9657B6FB4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9513438" y="1320583"/>
              <a:ext cx="1807542" cy="4520383"/>
            </a:xfrm>
            <a:prstGeom prst="rect">
              <a:avLst/>
            </a:prstGeom>
          </p:spPr>
        </p:pic>
      </p:grpSp>
      <p:pic>
        <p:nvPicPr>
          <p:cNvPr id="4" name="Picture 3" descr="Icon&#10;&#10;Description automatically generated">
            <a:extLst>
              <a:ext uri="{FF2B5EF4-FFF2-40B4-BE49-F238E27FC236}">
                <a16:creationId xmlns:a16="http://schemas.microsoft.com/office/drawing/2014/main" id="{70B912A4-1AE0-CEFD-C70D-299EF66ACF4F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-139348" y="1287999"/>
            <a:ext cx="2420924" cy="4833667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0ABF2263-B439-F7D9-3ADF-37667AC69113}"/>
              </a:ext>
            </a:extLst>
          </p:cNvPr>
          <p:cNvSpPr txBox="1"/>
          <p:nvPr/>
        </p:nvSpPr>
        <p:spPr>
          <a:xfrm>
            <a:off x="210362" y="6131306"/>
            <a:ext cx="1790883" cy="5277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ader</a:t>
            </a:r>
            <a:endParaRPr lang="en-US" sz="2000">
              <a:latin typeface="Ericsson Hilda" panose="00000500000000000000" pitchFamily="2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55BB54C-FEE4-B617-F003-48D683C9E6FE}"/>
              </a:ext>
            </a:extLst>
          </p:cNvPr>
          <p:cNvSpPr txBox="1"/>
          <p:nvPr/>
        </p:nvSpPr>
        <p:spPr>
          <a:xfrm>
            <a:off x="1737641" y="1187831"/>
            <a:ext cx="5396505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00B0F0"/>
                </a:solidFill>
                <a:latin typeface="Ericsson Hilda"/>
              </a:rPr>
              <a:t>&lt;&lt;INSIDE LIBRARY&gt;&gt;</a:t>
            </a:r>
            <a:endParaRPr lang="en-US" sz="3200" b="1">
              <a:solidFill>
                <a:srgbClr val="00B0F0"/>
              </a:solidFill>
              <a:cs typeface="Calibri"/>
            </a:endParaRPr>
          </a:p>
        </p:txBody>
      </p:sp>
      <p:sp>
        <p:nvSpPr>
          <p:cNvPr id="16" name="Star: 7 Points 15">
            <a:extLst>
              <a:ext uri="{FF2B5EF4-FFF2-40B4-BE49-F238E27FC236}">
                <a16:creationId xmlns:a16="http://schemas.microsoft.com/office/drawing/2014/main" id="{6B3C6FB3-46BA-4774-A526-7E4ABA351AD0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0497287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66351"/>
            <a:ext cx="12218819" cy="6862207"/>
          </a:xfrm>
          <a:prstGeom prst="rect">
            <a:avLst/>
          </a:prstGeom>
        </p:spPr>
      </p:pic>
      <p:pic>
        <p:nvPicPr>
          <p:cNvPr id="5" name="Picture 4" descr="A person with long hair&#10;&#10;Description automatically generated with medium confidence">
            <a:extLst>
              <a:ext uri="{FF2B5EF4-FFF2-40B4-BE49-F238E27FC236}">
                <a16:creationId xmlns:a16="http://schemas.microsoft.com/office/drawing/2014/main" id="{C207980C-DC74-4A3D-98F4-A7CA29DA237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9931" y="1426886"/>
            <a:ext cx="1625906" cy="2258384"/>
          </a:xfrm>
          <a:prstGeom prst="rect">
            <a:avLst/>
          </a:prstGeom>
        </p:spPr>
      </p:pic>
      <p:pic>
        <p:nvPicPr>
          <p:cNvPr id="8" name="Picture 7" descr="A person wearing glasses&#10;&#10;Description automatically generated with medium confidence">
            <a:extLst>
              <a:ext uri="{FF2B5EF4-FFF2-40B4-BE49-F238E27FC236}">
                <a16:creationId xmlns:a16="http://schemas.microsoft.com/office/drawing/2014/main" id="{523EBA1F-1097-4358-8AF0-BDE9F512EFB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71232" y="3738964"/>
            <a:ext cx="1956391" cy="270073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22123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Before we start …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367277"/>
            <a:ext cx="482228" cy="482439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64F79DA2-F192-46F8-9918-FDE42342F149}"/>
              </a:ext>
            </a:extLst>
          </p:cNvPr>
          <p:cNvSpPr txBox="1"/>
          <p:nvPr/>
        </p:nvSpPr>
        <p:spPr>
          <a:xfrm>
            <a:off x="2140895" y="1271663"/>
            <a:ext cx="7222872" cy="246836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latin typeface="Ericsson Hilda"/>
              </a:rPr>
              <a:t>Kinga</a:t>
            </a:r>
            <a:endParaRPr lang="en-US">
              <a:latin typeface="Ericsson Hilda"/>
            </a:endParaRP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 Participated in Women In Tech Camp in 2017 , where decided to apply for internships at Ericsson,</a:t>
            </a: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 Now works as Senior Software Developer responsible of automation in one of Ericsson’s QAs,</a:t>
            </a: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 Main technology used at work: Java.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5DEAE8F4-9644-4E4E-BAC7-3AB1B9593647}"/>
              </a:ext>
            </a:extLst>
          </p:cNvPr>
          <p:cNvSpPr txBox="1"/>
          <p:nvPr/>
        </p:nvSpPr>
        <p:spPr>
          <a:xfrm>
            <a:off x="3724205" y="4126111"/>
            <a:ext cx="5201501" cy="246836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latin typeface="Ericsson Hilda"/>
              </a:rPr>
              <a:t>Łukasz</a:t>
            </a:r>
            <a:endParaRPr lang="en-US">
              <a:latin typeface="Ericsson Hilda"/>
            </a:endParaRP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 Has been working at Ericsson for 9 years,</a:t>
            </a: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 Senior Software Developer responsible of automation in one of Ericsson’s QAs,</a:t>
            </a:r>
            <a:endParaRPr lang="en-US" sz="2000">
              <a:latin typeface="Ericsson Hilda" panose="00000500000000000000" pitchFamily="2" charset="0"/>
            </a:endParaRP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 Main technology used at work: Java.</a:t>
            </a:r>
          </a:p>
          <a:p>
            <a:pPr marL="342900">
              <a:lnSpc>
                <a:spcPct val="125000"/>
              </a:lnSpc>
              <a:buFontTx/>
              <a:buChar char="-"/>
            </a:pPr>
            <a:endParaRPr lang="en-US" sz="2000">
              <a:latin typeface="Ericsson Hilda" panose="00000500000000000000" pitchFamily="2" charset="0"/>
            </a:endParaRPr>
          </a:p>
        </p:txBody>
      </p:sp>
      <p:sp>
        <p:nvSpPr>
          <p:cNvPr id="3" name="Star: 5 Points 2">
            <a:extLst>
              <a:ext uri="{FF2B5EF4-FFF2-40B4-BE49-F238E27FC236}">
                <a16:creationId xmlns:a16="http://schemas.microsoft.com/office/drawing/2014/main" id="{F654EBCD-334F-DD5B-6F23-4BBAADCCE82C}"/>
              </a:ext>
            </a:extLst>
          </p:cNvPr>
          <p:cNvSpPr/>
          <p:nvPr/>
        </p:nvSpPr>
        <p:spPr>
          <a:xfrm>
            <a:off x="11496825" y="6167885"/>
            <a:ext cx="605979" cy="492025"/>
          </a:xfrm>
          <a:prstGeom prst="star5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E09A1F"/>
              </a:solidFill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6960991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latin typeface="Ericsson Hilda Light"/>
              </a:rPr>
              <a:t>Scenario 3: Reader</a:t>
            </a:r>
            <a:r>
              <a:rPr kumimoji="0" lang="en-US" sz="4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wants to rent a book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181499" y="1884238"/>
            <a:ext cx="6330772" cy="432426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Reader comes in into the library building. Guest informs librarian about the book he wishes to rent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Librarian searches book in System. The book is available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Librarian takes the book from the shelf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Librarian registers renting book in the system using ID of Library CARD showed by user. </a:t>
            </a: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20" name="Graphic 19" descr="Graph and note paper pads with pencil">
            <a:extLst>
              <a:ext uri="{FF2B5EF4-FFF2-40B4-BE49-F238E27FC236}">
                <a16:creationId xmlns:a16="http://schemas.microsoft.com/office/drawing/2014/main" id="{25FFE7A1-45AF-47BB-8457-AB1839B78A3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390616" y="4041173"/>
            <a:ext cx="1795460" cy="1822191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0007D799-2EB8-42B2-A03A-35D43DF1EBC4}"/>
              </a:ext>
            </a:extLst>
          </p:cNvPr>
          <p:cNvSpPr txBox="1"/>
          <p:nvPr/>
        </p:nvSpPr>
        <p:spPr>
          <a:xfrm>
            <a:off x="2050681" y="4554603"/>
            <a:ext cx="769955" cy="646331"/>
          </a:xfrm>
          <a:prstGeom prst="rect">
            <a:avLst/>
          </a:prstGeom>
          <a:noFill/>
          <a:ln w="38100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b="1">
                <a:solidFill>
                  <a:schemeClr val="accent2"/>
                </a:solidFill>
              </a:rPr>
              <a:t>Library Card ID</a:t>
            </a:r>
          </a:p>
          <a:p>
            <a:r>
              <a:rPr lang="en-US" sz="1200" b="1">
                <a:solidFill>
                  <a:schemeClr val="accent2"/>
                </a:solidFill>
              </a:rPr>
              <a:t>123456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A6370F3-BD16-EA57-72B5-E7322E239C5A}"/>
              </a:ext>
            </a:extLst>
          </p:cNvPr>
          <p:cNvGrpSpPr/>
          <p:nvPr/>
        </p:nvGrpSpPr>
        <p:grpSpPr>
          <a:xfrm>
            <a:off x="9723327" y="1119300"/>
            <a:ext cx="2221422" cy="5153031"/>
            <a:chOff x="9292006" y="1320583"/>
            <a:chExt cx="2221422" cy="5153031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D895358A-E719-2BA9-EBB1-1D55FF9C8737}"/>
                </a:ext>
              </a:extLst>
            </p:cNvPr>
            <p:cNvSpPr txBox="1"/>
            <p:nvPr/>
          </p:nvSpPr>
          <p:spPr>
            <a:xfrm>
              <a:off x="9292006" y="5936095"/>
              <a:ext cx="2221422" cy="53751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ian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6" name="Picture 5" descr="Icon&#10;&#10;Description automatically generated">
              <a:extLst>
                <a:ext uri="{FF2B5EF4-FFF2-40B4-BE49-F238E27FC236}">
                  <a16:creationId xmlns:a16="http://schemas.microsoft.com/office/drawing/2014/main" id="{A8220AA4-98B7-0AC6-D576-8253C602A25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9513438" y="1320583"/>
              <a:ext cx="1807542" cy="4520383"/>
            </a:xfrm>
            <a:prstGeom prst="rect">
              <a:avLst/>
            </a:prstGeom>
          </p:spPr>
        </p:pic>
      </p:grpSp>
      <p:pic>
        <p:nvPicPr>
          <p:cNvPr id="8" name="Picture 7" descr="Icon&#10;&#10;Description automatically generated">
            <a:extLst>
              <a:ext uri="{FF2B5EF4-FFF2-40B4-BE49-F238E27FC236}">
                <a16:creationId xmlns:a16="http://schemas.microsoft.com/office/drawing/2014/main" id="{795426F7-E7B3-44B3-EC1D-CA7737E5B538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-225612" y="1213449"/>
            <a:ext cx="2420924" cy="4833667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91185BD1-E4E5-D64E-D5ED-9700CA47E655}"/>
              </a:ext>
            </a:extLst>
          </p:cNvPr>
          <p:cNvSpPr txBox="1"/>
          <p:nvPr/>
        </p:nvSpPr>
        <p:spPr>
          <a:xfrm>
            <a:off x="210362" y="6131306"/>
            <a:ext cx="1790883" cy="5277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ader</a:t>
            </a:r>
            <a:endParaRPr lang="en-US" sz="2000">
              <a:latin typeface="Ericsson Hilda" panose="00000500000000000000" pitchFamily="2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8FD7C3D-F88B-3D33-4402-D13D0E221AB7}"/>
              </a:ext>
            </a:extLst>
          </p:cNvPr>
          <p:cNvSpPr txBox="1"/>
          <p:nvPr/>
        </p:nvSpPr>
        <p:spPr>
          <a:xfrm>
            <a:off x="1681197" y="1131386"/>
            <a:ext cx="5396505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00B0F0"/>
                </a:solidFill>
                <a:latin typeface="Ericsson Hilda"/>
              </a:rPr>
              <a:t>&lt;&lt;INSIDE LIBRARY&gt;&gt;</a:t>
            </a:r>
            <a:endParaRPr lang="en-US" sz="3200" b="1">
              <a:solidFill>
                <a:srgbClr val="00B0F0"/>
              </a:solidFill>
              <a:cs typeface="Calibri"/>
            </a:endParaRPr>
          </a:p>
        </p:txBody>
      </p:sp>
      <p:sp>
        <p:nvSpPr>
          <p:cNvPr id="15" name="Star: 7 Points 14">
            <a:extLst>
              <a:ext uri="{FF2B5EF4-FFF2-40B4-BE49-F238E27FC236}">
                <a16:creationId xmlns:a16="http://schemas.microsoft.com/office/drawing/2014/main" id="{A51F9BE7-3B79-43F3-84C8-FBBB7FCA311C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8275559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b="1">
                <a:latin typeface="Ericsson Hilda Light"/>
              </a:rPr>
              <a:t>Scenario 4: Reader</a:t>
            </a:r>
            <a:r>
              <a:rPr kumimoji="0" lang="en-US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comes to library</a:t>
            </a:r>
            <a:r>
              <a:rPr lang="en-US" b="1">
                <a:latin typeface="Ericsson Hilda Light"/>
              </a:rPr>
              <a:t> </a:t>
            </a:r>
            <a:r>
              <a:rPr kumimoji="0" lang="en-US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and returns book</a:t>
            </a:r>
            <a:endParaRPr lang="en-US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043318" y="2117298"/>
            <a:ext cx="6330772" cy="393954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Reader comes in into the library building and returns the boo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Librarian searches book in System and registers that the book is bac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Librarian puts the book on the shelf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00B0F0"/>
              </a:solidFill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From now on other readers might borrow this book.</a:t>
            </a:r>
          </a:p>
        </p:txBody>
      </p:sp>
      <p:pic>
        <p:nvPicPr>
          <p:cNvPr id="20" name="Graphic 19" descr="Graph and note paper pads with pencil">
            <a:extLst>
              <a:ext uri="{FF2B5EF4-FFF2-40B4-BE49-F238E27FC236}">
                <a16:creationId xmlns:a16="http://schemas.microsoft.com/office/drawing/2014/main" id="{25FFE7A1-45AF-47BB-8457-AB1839B78A3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390616" y="4041173"/>
            <a:ext cx="1795460" cy="1822191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2FF4B599-444C-4863-84DF-493343D1B7A8}"/>
              </a:ext>
            </a:extLst>
          </p:cNvPr>
          <p:cNvSpPr txBox="1"/>
          <p:nvPr/>
        </p:nvSpPr>
        <p:spPr>
          <a:xfrm>
            <a:off x="2050681" y="4554603"/>
            <a:ext cx="769955" cy="646331"/>
          </a:xfrm>
          <a:prstGeom prst="rect">
            <a:avLst/>
          </a:prstGeom>
          <a:noFill/>
          <a:ln w="38100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b="1">
                <a:solidFill>
                  <a:schemeClr val="accent2"/>
                </a:solidFill>
              </a:rPr>
              <a:t>Library Card ID</a:t>
            </a:r>
          </a:p>
          <a:p>
            <a:r>
              <a:rPr lang="en-US" sz="1200" b="1">
                <a:solidFill>
                  <a:schemeClr val="accent2"/>
                </a:solidFill>
              </a:rPr>
              <a:t>123456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8E2E435-FBED-C85B-0D02-FECF94D93F1F}"/>
              </a:ext>
            </a:extLst>
          </p:cNvPr>
          <p:cNvSpPr txBox="1"/>
          <p:nvPr/>
        </p:nvSpPr>
        <p:spPr>
          <a:xfrm>
            <a:off x="210362" y="6131306"/>
            <a:ext cx="1790883" cy="5277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ader</a:t>
            </a:r>
            <a:endParaRPr lang="en-US" sz="2000">
              <a:latin typeface="Ericsson Hilda" panose="00000500000000000000" pitchFamily="2" charset="0"/>
            </a:endParaRP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2D391C7E-5CFA-F25F-8478-2AA7DD865438}"/>
              </a:ext>
            </a:extLst>
          </p:cNvPr>
          <p:cNvGrpSpPr/>
          <p:nvPr/>
        </p:nvGrpSpPr>
        <p:grpSpPr>
          <a:xfrm>
            <a:off x="9723327" y="1090545"/>
            <a:ext cx="2221422" cy="5153031"/>
            <a:chOff x="9292006" y="1320583"/>
            <a:chExt cx="2221422" cy="5153031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85176F56-973D-0635-43CF-29776A81287A}"/>
                </a:ext>
              </a:extLst>
            </p:cNvPr>
            <p:cNvSpPr txBox="1"/>
            <p:nvPr/>
          </p:nvSpPr>
          <p:spPr>
            <a:xfrm>
              <a:off x="9292006" y="5936095"/>
              <a:ext cx="2221422" cy="53751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ian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7" name="Picture 6" descr="Icon&#10;&#10;Description automatically generated">
              <a:extLst>
                <a:ext uri="{FF2B5EF4-FFF2-40B4-BE49-F238E27FC236}">
                  <a16:creationId xmlns:a16="http://schemas.microsoft.com/office/drawing/2014/main" id="{7AC9D5D2-468E-6EBA-E70F-12605A04F95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9513438" y="1320583"/>
              <a:ext cx="1807542" cy="4520383"/>
            </a:xfrm>
            <a:prstGeom prst="rect">
              <a:avLst/>
            </a:prstGeom>
          </p:spPr>
        </p:pic>
      </p:grpSp>
      <p:pic>
        <p:nvPicPr>
          <p:cNvPr id="9" name="Picture 8" descr="Icon&#10;&#10;Description automatically generated">
            <a:extLst>
              <a:ext uri="{FF2B5EF4-FFF2-40B4-BE49-F238E27FC236}">
                <a16:creationId xmlns:a16="http://schemas.microsoft.com/office/drawing/2014/main" id="{A809C95C-BF1E-B65A-E4F1-ACCEB9E89E85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-28057" y="1552115"/>
            <a:ext cx="2223369" cy="4495001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B5C06F31-3B56-16B0-C4FF-6E7E9D07AE37}"/>
              </a:ext>
            </a:extLst>
          </p:cNvPr>
          <p:cNvSpPr txBox="1"/>
          <p:nvPr/>
        </p:nvSpPr>
        <p:spPr>
          <a:xfrm>
            <a:off x="1540086" y="1089053"/>
            <a:ext cx="5396505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00B0F0"/>
                </a:solidFill>
                <a:latin typeface="Ericsson Hilda"/>
              </a:rPr>
              <a:t>&lt;&lt;INSIDE LIBRARY&gt;&gt;</a:t>
            </a:r>
            <a:endParaRPr lang="en-US" sz="3200" b="1">
              <a:solidFill>
                <a:srgbClr val="00B0F0"/>
              </a:solidFill>
              <a:cs typeface="Calibri"/>
            </a:endParaRPr>
          </a:p>
        </p:txBody>
      </p:sp>
      <p:sp>
        <p:nvSpPr>
          <p:cNvPr id="5" name="Cloud 4">
            <a:extLst>
              <a:ext uri="{FF2B5EF4-FFF2-40B4-BE49-F238E27FC236}">
                <a16:creationId xmlns:a16="http://schemas.microsoft.com/office/drawing/2014/main" id="{803981CD-73DE-9EEB-14B9-B2518017932E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2820425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155882" y="284267"/>
            <a:ext cx="11795907" cy="1069402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b="1">
                <a:latin typeface="Ericsson Hilda Light"/>
              </a:rPr>
              <a:t>Scenario 5: Pile of returned books, readers already left</a:t>
            </a:r>
            <a:endParaRPr lang="en-US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612531" y="1653496"/>
            <a:ext cx="7696619" cy="5478423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In the morning many readers came to the library building. Librarian was very busy... </a:t>
            </a:r>
            <a:endParaRPr lang="en-US">
              <a:solidFill>
                <a:srgbClr val="FFFF00"/>
              </a:solidFill>
              <a:latin typeface="Calibri" panose="020F0502020204030204"/>
              <a:cs typeface="Calibri" panose="020F0502020204030204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In meanwhile a few readers put their books on the table and left the library.</a:t>
            </a:r>
            <a:endParaRPr lang="en-US">
              <a:solidFill>
                <a:srgbClr val="FFFF00"/>
              </a:solidFill>
              <a:latin typeface="Calibri"/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Now, we have a pile of returned books,</a:t>
            </a:r>
            <a:endParaRPr lang="en-US">
              <a:solidFill>
                <a:srgbClr val="FFFF00"/>
              </a:solidFill>
              <a:latin typeface="Calibri" panose="020F0502020204030204"/>
              <a:cs typeface="Calibri" panose="020F0502020204030204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One by one book, Librarian opens the books and finds the rubber stamp with book id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For each book librarian finds record in the system under "Rented Books" and clicks "Return Book" button.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2D391C7E-5CFA-F25F-8478-2AA7DD865438}"/>
              </a:ext>
            </a:extLst>
          </p:cNvPr>
          <p:cNvGrpSpPr/>
          <p:nvPr/>
        </p:nvGrpSpPr>
        <p:grpSpPr>
          <a:xfrm>
            <a:off x="9967742" y="1219941"/>
            <a:ext cx="2221422" cy="5153031"/>
            <a:chOff x="9292006" y="1320583"/>
            <a:chExt cx="2221422" cy="5153031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85176F56-973D-0635-43CF-29776A81287A}"/>
                </a:ext>
              </a:extLst>
            </p:cNvPr>
            <p:cNvSpPr txBox="1"/>
            <p:nvPr/>
          </p:nvSpPr>
          <p:spPr>
            <a:xfrm>
              <a:off x="9292006" y="5936095"/>
              <a:ext cx="2221422" cy="53751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ian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7" name="Picture 6" descr="Icon&#10;&#10;Description automatically generated">
              <a:extLst>
                <a:ext uri="{FF2B5EF4-FFF2-40B4-BE49-F238E27FC236}">
                  <a16:creationId xmlns:a16="http://schemas.microsoft.com/office/drawing/2014/main" id="{7AC9D5D2-468E-6EBA-E70F-12605A04F95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9513438" y="1320583"/>
              <a:ext cx="1807542" cy="4520383"/>
            </a:xfrm>
            <a:prstGeom prst="rect">
              <a:avLst/>
            </a:prstGeom>
          </p:spPr>
        </p:pic>
      </p:grpSp>
      <p:pic>
        <p:nvPicPr>
          <p:cNvPr id="2" name="Picture 3">
            <a:extLst>
              <a:ext uri="{FF2B5EF4-FFF2-40B4-BE49-F238E27FC236}">
                <a16:creationId xmlns:a16="http://schemas.microsoft.com/office/drawing/2014/main" id="{F3E3E7DA-4D74-4ED1-0C18-8D8C8B85DB5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6136" y="2229928"/>
            <a:ext cx="2786332" cy="2757578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842F9EE9-C5EE-8B26-F224-7E9F6EF81F66}"/>
              </a:ext>
            </a:extLst>
          </p:cNvPr>
          <p:cNvSpPr txBox="1"/>
          <p:nvPr/>
        </p:nvSpPr>
        <p:spPr>
          <a:xfrm>
            <a:off x="1060308" y="962053"/>
            <a:ext cx="5396505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00B0F0"/>
                </a:solidFill>
                <a:latin typeface="Ericsson Hilda"/>
              </a:rPr>
              <a:t>&lt;&lt;INSIDE LIBRARY&gt;&gt;</a:t>
            </a:r>
            <a:endParaRPr lang="en-US" sz="3200" b="1">
              <a:solidFill>
                <a:srgbClr val="00B0F0"/>
              </a:solidFill>
              <a:cs typeface="Calibri"/>
            </a:endParaRPr>
          </a:p>
        </p:txBody>
      </p:sp>
      <p:sp>
        <p:nvSpPr>
          <p:cNvPr id="5" name="Cloud 4">
            <a:extLst>
              <a:ext uri="{FF2B5EF4-FFF2-40B4-BE49-F238E27FC236}">
                <a16:creationId xmlns:a16="http://schemas.microsoft.com/office/drawing/2014/main" id="{B57D74A9-4850-C903-8495-AFD2F8FC6385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0503209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155882" y="284267"/>
            <a:ext cx="11795907" cy="1069402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b="1" dirty="0">
                <a:latin typeface="Ericsson Hilda Light"/>
              </a:rPr>
              <a:t>Scenario 6: Reader logs in to Rental App from home,</a:t>
            </a:r>
            <a:endParaRPr lang="en-US" b="1" i="0" u="none" strike="noStrike" kern="1400" cap="none" spc="-160" normalizeH="0" baseline="0" noProof="0" dirty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725420" y="1766385"/>
            <a:ext cx="8486841" cy="432426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Reader needs certain book for his university wor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Reader logs in to the system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Reader goes to "Search Book" and types the query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System displays the information about the desired boo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Book is available in the library and not rented, so user will visit the building in person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EDF75EA-77F8-B264-69F1-FACBAB6CD518}"/>
              </a:ext>
            </a:extLst>
          </p:cNvPr>
          <p:cNvSpPr txBox="1"/>
          <p:nvPr/>
        </p:nvSpPr>
        <p:spPr>
          <a:xfrm>
            <a:off x="633695" y="6060751"/>
            <a:ext cx="1790883" cy="5277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ader</a:t>
            </a:r>
            <a:endParaRPr lang="en-US" sz="2000">
              <a:latin typeface="Ericsson Hilda" panose="00000500000000000000" pitchFamily="2" charset="0"/>
            </a:endParaRPr>
          </a:p>
        </p:txBody>
      </p:sp>
      <p:pic>
        <p:nvPicPr>
          <p:cNvPr id="9" name="Picture 8" descr="Icon&#10;&#10;Description automatically generated">
            <a:extLst>
              <a:ext uri="{FF2B5EF4-FFF2-40B4-BE49-F238E27FC236}">
                <a16:creationId xmlns:a16="http://schemas.microsoft.com/office/drawing/2014/main" id="{5B96ED81-B3E4-2A0F-31A3-4A2BC4223E2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9388" y="1566227"/>
            <a:ext cx="2223369" cy="4495001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297D5A59-0C18-2305-4F61-246B6CB3929F}"/>
              </a:ext>
            </a:extLst>
          </p:cNvPr>
          <p:cNvSpPr txBox="1"/>
          <p:nvPr/>
        </p:nvSpPr>
        <p:spPr>
          <a:xfrm>
            <a:off x="1328419" y="919719"/>
            <a:ext cx="2884728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92D050"/>
                </a:solidFill>
                <a:latin typeface="Ericsson Hilda"/>
              </a:rPr>
              <a:t>&lt;&lt;ONLINE&gt;&gt;</a:t>
            </a:r>
            <a:endParaRPr lang="en-US" sz="3200" b="1">
              <a:solidFill>
                <a:srgbClr val="92D050"/>
              </a:solidFill>
              <a:cs typeface="Calibri"/>
            </a:endParaRP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33FE183A-016C-0206-F5A7-C64E85102AED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7769034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/>
              </a:rPr>
              <a:t>Limitations</a:t>
            </a:r>
            <a:endParaRPr lang="en-GB">
              <a:solidFill>
                <a:schemeClr val="tx1"/>
              </a:solidFill>
              <a:latin typeface="Ericsson Hilda" panose="00000500000000000000" pitchFamily="2" charset="0"/>
            </a:endParaRPr>
          </a:p>
        </p:txBody>
      </p:sp>
      <p:sp>
        <p:nvSpPr>
          <p:cNvPr id="4" name="Star: 7 Points 3">
            <a:extLst>
              <a:ext uri="{FF2B5EF4-FFF2-40B4-BE49-F238E27FC236}">
                <a16:creationId xmlns:a16="http://schemas.microsoft.com/office/drawing/2014/main" id="{0316CCE8-A029-FD08-05A8-3EAA2F93D89B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8858300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Limitations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511048" y="2214197"/>
            <a:ext cx="7639112" cy="224676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>
                <a:latin typeface="Ericsson Hilda"/>
              </a:rPr>
              <a:t>Application can be used in libraries, so it is designed to be run on Laptops/Computers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>
                <a:latin typeface="Ericsson Hilda"/>
              </a:rPr>
              <a:t>Application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is NOT supposed </a:t>
            </a:r>
            <a:r>
              <a:rPr lang="en-US" sz="2800">
                <a:latin typeface="Ericsson Hilda"/>
              </a:rPr>
              <a:t>to be used on cell phones.</a:t>
            </a:r>
          </a:p>
        </p:txBody>
      </p:sp>
      <p:pic>
        <p:nvPicPr>
          <p:cNvPr id="2" name="Picture 2" descr="Icon&#10;&#10;Description automatically generated">
            <a:extLst>
              <a:ext uri="{FF2B5EF4-FFF2-40B4-BE49-F238E27FC236}">
                <a16:creationId xmlns:a16="http://schemas.microsoft.com/office/drawing/2014/main" id="{8D6D1195-354B-3150-48F6-6FAF9739BAF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33116" y="1025106"/>
            <a:ext cx="3620220" cy="480778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1FC21BF0-CCDC-9771-F275-B96119750FF7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0294327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Limitations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738475" y="1646559"/>
            <a:ext cx="6697660" cy="474104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 b="1" dirty="0">
                <a:solidFill>
                  <a:srgbClr val="FFFF00"/>
                </a:solidFill>
                <a:latin typeface="Ericsson Hilda"/>
              </a:rPr>
              <a:t>Application</a:t>
            </a:r>
            <a:r>
              <a:rPr lang="en-US" sz="2500" dirty="0">
                <a:latin typeface="Ericsson Hilda"/>
              </a:rPr>
              <a:t> </a:t>
            </a:r>
            <a:r>
              <a:rPr lang="en-US" sz="2500" b="1" dirty="0">
                <a:solidFill>
                  <a:srgbClr val="FFFF00"/>
                </a:solidFill>
                <a:latin typeface="Ericsson Hilda"/>
              </a:rPr>
              <a:t>is designed to be simple and not complicated</a:t>
            </a:r>
            <a:r>
              <a:rPr lang="en-US" sz="2500" dirty="0">
                <a:latin typeface="Ericsson Hilda"/>
              </a:rPr>
              <a:t>. Many features are simplified,</a:t>
            </a:r>
            <a:endParaRPr lang="en-US" sz="2500" dirty="0">
              <a:latin typeface="Ericsson Hilda" panose="00000500000000000000" pitchFamily="2" charset="0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 b="1" dirty="0">
                <a:solidFill>
                  <a:srgbClr val="FFFF00"/>
                </a:solidFill>
                <a:latin typeface="Ericsson Hilda"/>
              </a:rPr>
              <a:t>Application was designed for </a:t>
            </a:r>
            <a:r>
              <a:rPr lang="en-US" sz="2500" b="1" u="sng" dirty="0">
                <a:solidFill>
                  <a:srgbClr val="FFFF00"/>
                </a:solidFill>
                <a:latin typeface="Ericsson Hilda"/>
              </a:rPr>
              <a:t>training purpose.</a:t>
            </a:r>
            <a:endParaRPr lang="en-US" sz="2500" u="sng" dirty="0">
              <a:latin typeface="Ericsson Hilda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 b="1" u="sng" dirty="0">
              <a:solidFill>
                <a:srgbClr val="FFFF00"/>
              </a:solidFill>
              <a:latin typeface="Ericsson Hilda"/>
              <a:cs typeface="Calibri" panose="020F0502020204030204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 b="1" dirty="0">
                <a:latin typeface="Ericsson Hilda"/>
                <a:cs typeface="Calibri" panose="020F0502020204030204"/>
              </a:rPr>
              <a:t>What is simplified?</a:t>
            </a:r>
            <a:endParaRPr lang="en-US" dirty="0"/>
          </a:p>
          <a:p>
            <a:pPr>
              <a:lnSpc>
                <a:spcPct val="125000"/>
              </a:lnSpc>
            </a:pPr>
            <a:r>
              <a:rPr lang="en-US" sz="2500" b="1" dirty="0">
                <a:latin typeface="Ericsson Hilda"/>
                <a:cs typeface="Calibri" panose="020F0502020204030204"/>
              </a:rPr>
              <a:t>- no registration and same password for each user with the same role</a:t>
            </a:r>
          </a:p>
          <a:p>
            <a:pPr>
              <a:lnSpc>
                <a:spcPct val="125000"/>
              </a:lnSpc>
            </a:pPr>
            <a:r>
              <a:rPr lang="en-US" sz="2500" b="1" dirty="0">
                <a:latin typeface="Ericsson Hilda"/>
                <a:cs typeface="Calibri" panose="020F0502020204030204"/>
              </a:rPr>
              <a:t>- no limit of books and no due date for rentals</a:t>
            </a:r>
          </a:p>
          <a:p>
            <a:pPr>
              <a:lnSpc>
                <a:spcPct val="125000"/>
              </a:lnSpc>
            </a:pPr>
            <a:endParaRPr lang="en-US">
              <a:cs typeface="Calibri" panose="020F0502020204030204"/>
            </a:endParaRPr>
          </a:p>
        </p:txBody>
      </p:sp>
      <p:pic>
        <p:nvPicPr>
          <p:cNvPr id="15" name="Picture 14" descr="A picture containing text, doll&#10;&#10;Description automatically generated">
            <a:extLst>
              <a:ext uri="{FF2B5EF4-FFF2-40B4-BE49-F238E27FC236}">
                <a16:creationId xmlns:a16="http://schemas.microsoft.com/office/drawing/2014/main" id="{6B371CEA-7D69-41EE-882E-BA4D60BABB7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16970" y="1723238"/>
            <a:ext cx="1709744" cy="4343570"/>
          </a:xfrm>
          <a:prstGeom prst="rect">
            <a:avLst/>
          </a:prstGeom>
        </p:spPr>
      </p:pic>
      <p:pic>
        <p:nvPicPr>
          <p:cNvPr id="2" name="Picture 2" descr="Icon&#10;&#10;Description automatically generated">
            <a:extLst>
              <a:ext uri="{FF2B5EF4-FFF2-40B4-BE49-F238E27FC236}">
                <a16:creationId xmlns:a16="http://schemas.microsoft.com/office/drawing/2014/main" id="{CDCC08BB-76CE-3FCC-4A79-3AA5E0B48D3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69916" y="1860430"/>
            <a:ext cx="1709450" cy="4201065"/>
          </a:xfrm>
          <a:prstGeom prst="rect">
            <a:avLst/>
          </a:prstGeom>
        </p:spPr>
      </p:pic>
      <p:sp>
        <p:nvSpPr>
          <p:cNvPr id="4" name="Star: 7 Points 3">
            <a:extLst>
              <a:ext uri="{FF2B5EF4-FFF2-40B4-BE49-F238E27FC236}">
                <a16:creationId xmlns:a16="http://schemas.microsoft.com/office/drawing/2014/main" id="{2986B981-FB52-3178-B454-06F38CA824E5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5046236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 dirty="0">
                <a:latin typeface="Ericsson Hilda Light"/>
              </a:rPr>
              <a:t>Limitations – what is missing?</a:t>
            </a:r>
            <a:endParaRPr lang="en-US" sz="5400" dirty="0">
              <a:cs typeface="Calibri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571624" y="1512748"/>
            <a:ext cx="10389606" cy="526297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</a:rPr>
              <a:t>There should be a limit of books that could be rented by one user at a time </a:t>
            </a:r>
            <a:r>
              <a:rPr lang="en-US" sz="2800">
                <a:latin typeface="Ericsson Hilda"/>
              </a:rPr>
              <a:t>(also, zero books should exceeding the deadline). No renting possible for person that is breaking the rule.</a:t>
            </a: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solidFill>
                <a:srgbClr val="FFFFFF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</a:rPr>
              <a:t>Each rent should have the starting date and expected date of returning (30 days). </a:t>
            </a:r>
            <a:r>
              <a:rPr lang="en-US" sz="2800">
                <a:latin typeface="Ericsson Hilda"/>
              </a:rPr>
              <a:t>The return date for the rented the book can be postponed by Librarian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</a:rPr>
              <a:t>Book Reservations by readers, they can be made online</a:t>
            </a:r>
            <a:r>
              <a:rPr lang="en-US" sz="2800">
                <a:latin typeface="Ericsson Hilda"/>
              </a:rPr>
              <a:t> – no need to arrive to library. Reserved book cannot be rented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7D6DA976-6E63-21F8-4F39-35A0D0CA8EDA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87784262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 dirty="0">
                <a:latin typeface="Ericsson Hilda Light"/>
              </a:rPr>
              <a:t>Limitations – what is missing?</a:t>
            </a:r>
            <a:endParaRPr lang="en-US" sz="5400" dirty="0">
              <a:cs typeface="Calibri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486958" y="1230525"/>
            <a:ext cx="10982273" cy="483209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,Sans-Serif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,Sans-Serif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</a:rPr>
              <a:t>Real login and registration handling</a:t>
            </a:r>
            <a:r>
              <a:rPr lang="en-US" sz="2800">
                <a:latin typeface="Ericsson Hilda"/>
              </a:rPr>
              <a:t>– so far, our application uses simplified login page with pre-defined passwords, roles for all users are granted on application start,</a:t>
            </a:r>
            <a:endParaRPr lang="en-US" sz="2800">
              <a:ea typeface="+mn-lt"/>
              <a:cs typeface="+mn-lt"/>
            </a:endParaRPr>
          </a:p>
          <a:p>
            <a:pPr marL="342900" indent="-342900">
              <a:buFont typeface="Arial,Sans-Serif" panose="020B0604020202020204" pitchFamily="34" charset="0"/>
              <a:buChar char="•"/>
            </a:pPr>
            <a:endParaRPr lang="en-US" sz="2800">
              <a:latin typeface="Ericsson Hilda"/>
              <a:ea typeface="+mn-lt"/>
              <a:cs typeface="+mn-lt"/>
            </a:endParaRPr>
          </a:p>
          <a:p>
            <a:pPr marL="342900" indent="-342900">
              <a:buFont typeface="Arial,Sans-Serif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  <a:cs typeface="Calibri" panose="020F0502020204030204"/>
              </a:rPr>
              <a:t>Users should be able to login to system immediately after they were added</a:t>
            </a:r>
            <a:r>
              <a:rPr lang="en-US" sz="2800">
                <a:latin typeface="Ericsson Hilda"/>
                <a:cs typeface="Calibri" panose="020F0502020204030204"/>
              </a:rPr>
              <a:t> (for now it requires the restart of application),</a:t>
            </a:r>
          </a:p>
          <a:p>
            <a:pPr marL="342900" indent="-342900">
              <a:buFont typeface="Arial,Sans-Serif" panose="020B0604020202020204" pitchFamily="34" charset="0"/>
              <a:buChar char="•"/>
            </a:pPr>
            <a:endParaRPr lang="en-US" sz="2800">
              <a:latin typeface="Ericsson Hilda"/>
              <a:cs typeface="Calibri" panose="020F0502020204030204"/>
            </a:endParaRPr>
          </a:p>
          <a:p>
            <a:pPr marL="342900" indent="-342900">
              <a:buFont typeface="Arial,Sans-Serif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  <a:cs typeface="Calibri" panose="020F0502020204030204"/>
              </a:rPr>
              <a:t>Lack of support for more than 1 copy of certain book </a:t>
            </a:r>
            <a:r>
              <a:rPr lang="en-US" sz="2800" b="1">
                <a:latin typeface="Ericsson Hilda"/>
                <a:cs typeface="Calibri" panose="020F0502020204030204"/>
              </a:rPr>
              <a:t>– </a:t>
            </a:r>
            <a:r>
              <a:rPr lang="en-US" sz="2800">
                <a:latin typeface="Ericsson Hilda"/>
                <a:cs typeface="Calibri" panose="020F0502020204030204"/>
              </a:rPr>
              <a:t>user needs to add two or more identical books. This should be improved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/>
              <a:cs typeface="Calibri" panose="020F0502020204030204"/>
            </a:endParaRP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21AFA380-CE28-DA15-7C51-8A9C861581C3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792189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 dirty="0">
                <a:solidFill>
                  <a:schemeClr val="tx1"/>
                </a:solidFill>
                <a:latin typeface="Ericsson Hilda"/>
              </a:rPr>
              <a:t>Forms / Views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CC8A016E-20AC-5828-10DE-C8CDC475B88B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8704834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Content of presentation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068A1966-6973-446A-B880-40779AD101FA}"/>
              </a:ext>
            </a:extLst>
          </p:cNvPr>
          <p:cNvGrpSpPr/>
          <p:nvPr/>
        </p:nvGrpSpPr>
        <p:grpSpPr>
          <a:xfrm>
            <a:off x="546022" y="1569459"/>
            <a:ext cx="4594706" cy="2631490"/>
            <a:chOff x="580195" y="1884858"/>
            <a:chExt cx="4594706" cy="2631490"/>
          </a:xfrm>
        </p:grpSpPr>
        <p:sp>
          <p:nvSpPr>
            <p:cNvPr id="9" name="Square">
              <a:extLst>
                <a:ext uri="{FF2B5EF4-FFF2-40B4-BE49-F238E27FC236}">
                  <a16:creationId xmlns:a16="http://schemas.microsoft.com/office/drawing/2014/main" id="{F866D14D-D5A8-4318-AC64-2584DA9FE128}"/>
                </a:ext>
              </a:extLst>
            </p:cNvPr>
            <p:cNvSpPr>
              <a:spLocks/>
            </p:cNvSpPr>
            <p:nvPr/>
          </p:nvSpPr>
          <p:spPr>
            <a:xfrm>
              <a:off x="580195" y="1884858"/>
              <a:ext cx="640080" cy="640080"/>
            </a:xfrm>
            <a:prstGeom prst="rect">
              <a:avLst/>
            </a:prstGeom>
            <a:solidFill>
              <a:schemeClr val="accent5"/>
            </a:solidFill>
            <a:ln w="12700" cap="flat">
              <a:noFill/>
              <a:miter lim="400000"/>
            </a:ln>
            <a:effectLst/>
          </p:spPr>
          <p:txBody>
            <a:bodyPr vert="horz" wrap="square" lIns="25400" tIns="25400" rIns="25400" bIns="25400" numCol="1" anchor="ctr">
              <a:noAutofit/>
            </a:bodyPr>
            <a:lstStyle/>
            <a:p>
              <a:pPr marL="0" indent="0" algn="ctr">
                <a:buNone/>
                <a:defRPr sz="3600"/>
              </a:pPr>
              <a:r>
                <a:rPr lang="en-US" sz="4000">
                  <a:latin typeface="+mj-lt"/>
                </a:rPr>
                <a:t>1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B6CA66AD-D631-4C5E-A924-BC952D4B4394}"/>
                </a:ext>
              </a:extLst>
            </p:cNvPr>
            <p:cNvSpPr txBox="1"/>
            <p:nvPr/>
          </p:nvSpPr>
          <p:spPr>
            <a:xfrm>
              <a:off x="1347075" y="1884858"/>
              <a:ext cx="3827826" cy="2631490"/>
            </a:xfrm>
            <a:prstGeom prst="rect">
              <a:avLst/>
            </a:prstGeom>
            <a:noFill/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 sz="2500" b="1">
                  <a:latin typeface="Ericsson Hilda"/>
                </a:rPr>
                <a:t>Functional specification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General Info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Roles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Items/Objects in System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Use Cases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Scenarios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Limitations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Forms/Views</a:t>
              </a:r>
            </a:p>
          </p:txBody>
        </p: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30914637-BD16-40BE-AED2-531249B6431D}"/>
              </a:ext>
            </a:extLst>
          </p:cNvPr>
          <p:cNvGrpSpPr/>
          <p:nvPr/>
        </p:nvGrpSpPr>
        <p:grpSpPr>
          <a:xfrm>
            <a:off x="6382143" y="1569459"/>
            <a:ext cx="4874742" cy="2939266"/>
            <a:chOff x="6475326" y="1880626"/>
            <a:chExt cx="4874742" cy="2939266"/>
          </a:xfrm>
        </p:grpSpPr>
        <p:sp>
          <p:nvSpPr>
            <p:cNvPr id="15" name="Square">
              <a:extLst>
                <a:ext uri="{FF2B5EF4-FFF2-40B4-BE49-F238E27FC236}">
                  <a16:creationId xmlns:a16="http://schemas.microsoft.com/office/drawing/2014/main" id="{8E75EA6B-92DA-4B13-9F06-604304A44ADA}"/>
                </a:ext>
              </a:extLst>
            </p:cNvPr>
            <p:cNvSpPr>
              <a:spLocks/>
            </p:cNvSpPr>
            <p:nvPr/>
          </p:nvSpPr>
          <p:spPr>
            <a:xfrm>
              <a:off x="6475326" y="1880626"/>
              <a:ext cx="640080" cy="640080"/>
            </a:xfrm>
            <a:prstGeom prst="rect">
              <a:avLst/>
            </a:prstGeom>
            <a:solidFill>
              <a:srgbClr val="00B0F0"/>
            </a:solidFill>
            <a:ln w="12700" cap="flat">
              <a:noFill/>
              <a:miter lim="400000"/>
            </a:ln>
            <a:effectLst/>
          </p:spPr>
          <p:txBody>
            <a:bodyPr vert="horz" wrap="square" lIns="25400" tIns="25400" rIns="25400" bIns="25400" numCol="1" anchor="ctr">
              <a:noAutofit/>
            </a:bodyPr>
            <a:lstStyle/>
            <a:p>
              <a:pPr marL="0" indent="0" algn="ctr">
                <a:buNone/>
                <a:defRPr sz="3600"/>
              </a:pPr>
              <a:r>
                <a:rPr lang="en-US" sz="4000">
                  <a:latin typeface="+mj-lt"/>
                </a:rPr>
                <a:t>2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BD35B5D5-64E3-4CC1-ABDC-8B5C51E947A3}"/>
                </a:ext>
              </a:extLst>
            </p:cNvPr>
            <p:cNvSpPr txBox="1"/>
            <p:nvPr/>
          </p:nvSpPr>
          <p:spPr>
            <a:xfrm>
              <a:off x="7237084" y="1880626"/>
              <a:ext cx="4112984" cy="2939266"/>
            </a:xfrm>
            <a:prstGeom prst="rect">
              <a:avLst/>
            </a:prstGeom>
            <a:noFill/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 sz="2500" b="1">
                  <a:latin typeface="Ericsson Hilda"/>
                </a:rPr>
                <a:t>Implementation - Backend</a:t>
              </a:r>
              <a:endParaRPr lang="en-US" sz="2500" b="1">
                <a:latin typeface="Ericsson Hilda" panose="00000500000000000000" pitchFamily="2" charset="0"/>
              </a:endParaRP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Technologies used 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Spring Boot – what is it?</a:t>
              </a:r>
              <a:endParaRPr lang="en-US" sz="2000">
                <a:latin typeface="Ericsson Hilda" panose="00000500000000000000" pitchFamily="2" charset="0"/>
              </a:endParaRPr>
            </a:p>
            <a:p>
              <a:pPr marL="342900" indent="-342900">
                <a:buFont typeface="Arial,Sans-Serif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Database schema </a:t>
              </a:r>
              <a:endParaRPr lang="en-US" sz="2000">
                <a:ea typeface="+mn-lt"/>
                <a:cs typeface="+mn-lt"/>
              </a:endParaRP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Database – Hibernate &amp; MySQL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MVC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REST methods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Spring Security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endParaRPr lang="en-US" sz="2000">
                <a:latin typeface="Ericsson Hilda" panose="00000500000000000000" pitchFamily="2" charset="0"/>
              </a:endParaRP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940E25F6-A6D3-49CA-89CE-1F7843279E67}"/>
              </a:ext>
            </a:extLst>
          </p:cNvPr>
          <p:cNvGrpSpPr/>
          <p:nvPr/>
        </p:nvGrpSpPr>
        <p:grpSpPr>
          <a:xfrm>
            <a:off x="646156" y="4785601"/>
            <a:ext cx="4514634" cy="1708160"/>
            <a:chOff x="646156" y="4785601"/>
            <a:chExt cx="4514634" cy="1708160"/>
          </a:xfrm>
        </p:grpSpPr>
        <p:sp>
          <p:nvSpPr>
            <p:cNvPr id="18" name="Square">
              <a:extLst>
                <a:ext uri="{FF2B5EF4-FFF2-40B4-BE49-F238E27FC236}">
                  <a16:creationId xmlns:a16="http://schemas.microsoft.com/office/drawing/2014/main" id="{326109FD-5816-4E1A-B566-EA86D330FA5A}"/>
                </a:ext>
              </a:extLst>
            </p:cNvPr>
            <p:cNvSpPr>
              <a:spLocks/>
            </p:cNvSpPr>
            <p:nvPr/>
          </p:nvSpPr>
          <p:spPr>
            <a:xfrm>
              <a:off x="646156" y="4831602"/>
              <a:ext cx="640080" cy="640080"/>
            </a:xfrm>
            <a:prstGeom prst="rect">
              <a:avLst/>
            </a:prstGeom>
            <a:solidFill>
              <a:schemeClr val="accent3"/>
            </a:solidFill>
            <a:ln w="12700" cap="flat">
              <a:noFill/>
              <a:miter lim="400000"/>
            </a:ln>
            <a:effectLst/>
          </p:spPr>
          <p:txBody>
            <a:bodyPr vert="horz" wrap="square" lIns="25400" tIns="25400" rIns="25400" bIns="25400" numCol="1" anchor="ctr">
              <a:noAutofit/>
            </a:bodyPr>
            <a:lstStyle/>
            <a:p>
              <a:pPr marL="0" indent="0" algn="ctr">
                <a:buNone/>
                <a:defRPr sz="3600"/>
              </a:pPr>
              <a:r>
                <a:rPr lang="en-US" sz="4000">
                  <a:latin typeface="+mj-lt"/>
                </a:rPr>
                <a:t>3</a:t>
              </a: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1C592382-B635-44BA-9B6F-8F284603A756}"/>
                </a:ext>
              </a:extLst>
            </p:cNvPr>
            <p:cNvSpPr txBox="1"/>
            <p:nvPr/>
          </p:nvSpPr>
          <p:spPr>
            <a:xfrm>
              <a:off x="1332964" y="4785601"/>
              <a:ext cx="3827826" cy="1708160"/>
            </a:xfrm>
            <a:prstGeom prst="rect">
              <a:avLst/>
            </a:prstGeom>
            <a:noFill/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 sz="2500" b="1">
                  <a:latin typeface="Ericsson Hilda"/>
                </a:rPr>
                <a:t>View - Frontend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Technologies used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 err="1">
                  <a:latin typeface="Ericsson Hilda"/>
                </a:rPr>
                <a:t>Thymeleaf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Bootstrap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 err="1">
                  <a:latin typeface="Ericsson Hilda" panose="00000500000000000000" pitchFamily="2" charset="0"/>
                </a:rPr>
                <a:t>JQuery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5CD0D2E4-E3D6-4886-A012-4115CFB8A95C}"/>
              </a:ext>
            </a:extLst>
          </p:cNvPr>
          <p:cNvGrpSpPr/>
          <p:nvPr/>
        </p:nvGrpSpPr>
        <p:grpSpPr>
          <a:xfrm>
            <a:off x="6382143" y="5085602"/>
            <a:ext cx="5569645" cy="784830"/>
            <a:chOff x="6382143" y="5085602"/>
            <a:chExt cx="5569645" cy="784830"/>
          </a:xfrm>
        </p:grpSpPr>
        <p:sp>
          <p:nvSpPr>
            <p:cNvPr id="21" name="Square">
              <a:extLst>
                <a:ext uri="{FF2B5EF4-FFF2-40B4-BE49-F238E27FC236}">
                  <a16:creationId xmlns:a16="http://schemas.microsoft.com/office/drawing/2014/main" id="{EB23A800-8A6C-402C-91C2-34C0BBE86002}"/>
                </a:ext>
              </a:extLst>
            </p:cNvPr>
            <p:cNvSpPr>
              <a:spLocks/>
            </p:cNvSpPr>
            <p:nvPr/>
          </p:nvSpPr>
          <p:spPr>
            <a:xfrm>
              <a:off x="6382143" y="5085602"/>
              <a:ext cx="640080" cy="640080"/>
            </a:xfrm>
            <a:prstGeom prst="rect">
              <a:avLst/>
            </a:prstGeom>
            <a:solidFill>
              <a:schemeClr val="accent6"/>
            </a:solidFill>
            <a:ln w="12700" cap="flat">
              <a:noFill/>
              <a:miter lim="400000"/>
            </a:ln>
            <a:effectLst/>
          </p:spPr>
          <p:txBody>
            <a:bodyPr vert="horz" wrap="square" lIns="25400" tIns="25400" rIns="25400" bIns="25400" numCol="1" anchor="ctr">
              <a:noAutofit/>
            </a:bodyPr>
            <a:lstStyle/>
            <a:p>
              <a:pPr marL="0" indent="0" algn="ctr">
                <a:buNone/>
                <a:defRPr sz="3600"/>
              </a:pPr>
              <a:r>
                <a:rPr lang="en-US" sz="4000">
                  <a:latin typeface="+mj-lt"/>
                </a:rPr>
                <a:t>4</a:t>
              </a: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BD899B5D-A80B-4269-9A2A-0A27B53CCE55}"/>
                </a:ext>
              </a:extLst>
            </p:cNvPr>
            <p:cNvSpPr txBox="1"/>
            <p:nvPr/>
          </p:nvSpPr>
          <p:spPr>
            <a:xfrm>
              <a:off x="7115405" y="5085602"/>
              <a:ext cx="4836383" cy="7848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500" b="1">
                  <a:latin typeface="Ericsson Hilda" panose="00000500000000000000" pitchFamily="2" charset="0"/>
                </a:rPr>
                <a:t>Questions</a:t>
              </a:r>
            </a:p>
            <a:p>
              <a:endParaRPr lang="en-US" sz="2000">
                <a:latin typeface="Ericsson Hilda" panose="00000500000000000000" pitchFamily="2" charset="0"/>
              </a:endParaRPr>
            </a:p>
          </p:txBody>
        </p:sp>
      </p:grpSp>
      <p:sp>
        <p:nvSpPr>
          <p:cNvPr id="25" name="Star: 5 Points 24">
            <a:extLst>
              <a:ext uri="{FF2B5EF4-FFF2-40B4-BE49-F238E27FC236}">
                <a16:creationId xmlns:a16="http://schemas.microsoft.com/office/drawing/2014/main" id="{A4D6E9D6-0435-6C79-66D4-E1560957CF7E}"/>
              </a:ext>
            </a:extLst>
          </p:cNvPr>
          <p:cNvSpPr/>
          <p:nvPr/>
        </p:nvSpPr>
        <p:spPr>
          <a:xfrm>
            <a:off x="11295543" y="6067244"/>
            <a:ext cx="649111" cy="592666"/>
          </a:xfrm>
          <a:prstGeom prst="star5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E09A1F"/>
              </a:solidFill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8821395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6AC6EA03-5A29-4CBC-BC57-280AA9A5889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3" name="Picture 3" descr="Diagram&#10;&#10;Description automatically generated">
            <a:extLst>
              <a:ext uri="{FF2B5EF4-FFF2-40B4-BE49-F238E27FC236}">
                <a16:creationId xmlns:a16="http://schemas.microsoft.com/office/drawing/2014/main" id="{EF8B7F88-478C-C414-2CD5-ABBCCACB988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092" y="170068"/>
            <a:ext cx="11931929" cy="6521060"/>
          </a:xfrm>
          <a:prstGeom prst="rect">
            <a:avLst/>
          </a:prstGeom>
        </p:spPr>
      </p:pic>
      <p:sp>
        <p:nvSpPr>
          <p:cNvPr id="4" name="Cloud 3">
            <a:extLst>
              <a:ext uri="{FF2B5EF4-FFF2-40B4-BE49-F238E27FC236}">
                <a16:creationId xmlns:a16="http://schemas.microsoft.com/office/drawing/2014/main" id="{E30A1A69-1CB1-55A0-D7C1-A6A31488F53E}"/>
              </a:ext>
            </a:extLst>
          </p:cNvPr>
          <p:cNvSpPr/>
          <p:nvPr/>
        </p:nvSpPr>
        <p:spPr>
          <a:xfrm>
            <a:off x="11299273" y="141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11310686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3" descr="Graphical user interface, application, Word&#10;&#10;Description automatically generated">
            <a:extLst>
              <a:ext uri="{FF2B5EF4-FFF2-40B4-BE49-F238E27FC236}">
                <a16:creationId xmlns:a16="http://schemas.microsoft.com/office/drawing/2014/main" id="{D37E0A8B-4063-0FD2-3AB0-FCC51727A57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6511" y="114214"/>
            <a:ext cx="11675532" cy="6248572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B013CB7-B1DE-4864-9736-40A84B76F053}"/>
              </a:ext>
            </a:extLst>
          </p:cNvPr>
          <p:cNvSpPr txBox="1"/>
          <p:nvPr/>
        </p:nvSpPr>
        <p:spPr>
          <a:xfrm>
            <a:off x="3047260" y="3246553"/>
            <a:ext cx="609452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[K] </a:t>
            </a:r>
            <a:endParaRPr lang="en-US"/>
          </a:p>
        </p:txBody>
      </p:sp>
      <p:sp>
        <p:nvSpPr>
          <p:cNvPr id="6" name="Star: 7 Points 5">
            <a:extLst>
              <a:ext uri="{FF2B5EF4-FFF2-40B4-BE49-F238E27FC236}">
                <a16:creationId xmlns:a16="http://schemas.microsoft.com/office/drawing/2014/main" id="{55DE9431-FF5F-D54F-CDC4-795DC5737588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5458395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30D65C50-9E13-DDA4-970F-26F97222ED72}"/>
              </a:ext>
            </a:extLst>
          </p:cNvPr>
          <p:cNvSpPr txBox="1"/>
          <p:nvPr/>
        </p:nvSpPr>
        <p:spPr>
          <a:xfrm>
            <a:off x="210978" y="219486"/>
            <a:ext cx="8143659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600" dirty="0">
                <a:solidFill>
                  <a:srgbClr val="0070C0"/>
                </a:solidFill>
                <a:latin typeface="Ericsson Hilda"/>
              </a:rPr>
              <a:t>Menu for Librarian vs Menu for Reader</a:t>
            </a:r>
            <a:endParaRPr lang="en-US" sz="3600">
              <a:solidFill>
                <a:srgbClr val="0070C0"/>
              </a:solidFill>
              <a:cs typeface="Calibri"/>
            </a:endParaRPr>
          </a:p>
        </p:txBody>
      </p:sp>
      <p:pic>
        <p:nvPicPr>
          <p:cNvPr id="6" name="Picture 6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3E55045A-F2BC-EEE1-6B34-17B19B17016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4891" y="991509"/>
            <a:ext cx="11283350" cy="5651359"/>
          </a:xfrm>
          <a:prstGeom prst="rect">
            <a:avLst/>
          </a:prstGeom>
          <a:ln>
            <a:solidFill>
              <a:schemeClr val="accent3"/>
            </a:solidFill>
          </a:ln>
        </p:spPr>
      </p:pic>
      <p:sp>
        <p:nvSpPr>
          <p:cNvPr id="3" name="Star: 7 Points 2">
            <a:extLst>
              <a:ext uri="{FF2B5EF4-FFF2-40B4-BE49-F238E27FC236}">
                <a16:creationId xmlns:a16="http://schemas.microsoft.com/office/drawing/2014/main" id="{B6C74EA1-3FE2-0E76-8002-5A0DB8A32DE7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4184806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3" descr="Graphical user interface&#10;&#10;Description automatically generated">
            <a:extLst>
              <a:ext uri="{FF2B5EF4-FFF2-40B4-BE49-F238E27FC236}">
                <a16:creationId xmlns:a16="http://schemas.microsoft.com/office/drawing/2014/main" id="{C8A19261-C189-62CF-7B6C-93C8BF86047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76402" y="13815"/>
            <a:ext cx="8436631" cy="6772863"/>
          </a:xfrm>
          <a:prstGeom prst="rect">
            <a:avLst/>
          </a:prstGeom>
          <a:ln>
            <a:solidFill>
              <a:schemeClr val="accent3"/>
            </a:solidFill>
          </a:ln>
        </p:spPr>
      </p:pic>
      <p:pic>
        <p:nvPicPr>
          <p:cNvPr id="3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0A328A23-6B15-4D55-AA1E-1E8806F36C2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4B496CC4-AB2B-2F16-5665-588EAE317D91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4275556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Graphical user interface, text, application, email&#10;&#10;Description automatically generated">
            <a:extLst>
              <a:ext uri="{FF2B5EF4-FFF2-40B4-BE49-F238E27FC236}">
                <a16:creationId xmlns:a16="http://schemas.microsoft.com/office/drawing/2014/main" id="{3B276801-DBD6-E485-6BA0-F33D83ACCBF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15041" y="73136"/>
            <a:ext cx="10219426" cy="6783614"/>
          </a:xfrm>
          <a:prstGeom prst="rect">
            <a:avLst/>
          </a:prstGeom>
          <a:ln>
            <a:solidFill>
              <a:schemeClr val="tx2"/>
            </a:solidFill>
          </a:ln>
        </p:spPr>
      </p:pic>
      <p:pic>
        <p:nvPicPr>
          <p:cNvPr id="3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1A905550-1AEA-4F6C-B8E5-26E7E49185A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9E7D31C7-C3FD-6E9D-74DD-067B5B15E795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4887045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3" descr="Graphical user interface, text, application, email&#10;&#10;Description automatically generated">
            <a:extLst>
              <a:ext uri="{FF2B5EF4-FFF2-40B4-BE49-F238E27FC236}">
                <a16:creationId xmlns:a16="http://schemas.microsoft.com/office/drawing/2014/main" id="{CE6D9EB6-4FBE-2B22-2F9A-0463C9DA9AE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71910" y="93704"/>
            <a:ext cx="9845614" cy="6684971"/>
          </a:xfrm>
          <a:prstGeom prst="rect">
            <a:avLst/>
          </a:prstGeom>
          <a:ln>
            <a:noFill/>
          </a:ln>
        </p:spPr>
      </p:pic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01EC316A-2EA6-4572-8F41-C35A2902B50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5" name="Star: 7 Points 4">
            <a:extLst>
              <a:ext uri="{FF2B5EF4-FFF2-40B4-BE49-F238E27FC236}">
                <a16:creationId xmlns:a16="http://schemas.microsoft.com/office/drawing/2014/main" id="{AF536127-CB65-9F28-BFBB-8AD169D617FD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151763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3" descr="Graphical user interface&#10;&#10;Description automatically generated">
            <a:extLst>
              <a:ext uri="{FF2B5EF4-FFF2-40B4-BE49-F238E27FC236}">
                <a16:creationId xmlns:a16="http://schemas.microsoft.com/office/drawing/2014/main" id="{33A6E70B-7593-4C71-5F69-CE9DFA9E893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60741" y="130156"/>
            <a:ext cx="9443047" cy="6597688"/>
          </a:xfrm>
          <a:prstGeom prst="rect">
            <a:avLst/>
          </a:prstGeom>
          <a:ln>
            <a:solidFill>
              <a:schemeClr val="accent3"/>
            </a:solidFill>
          </a:ln>
        </p:spPr>
      </p:pic>
      <p:pic>
        <p:nvPicPr>
          <p:cNvPr id="3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E1976437-6F32-4437-924D-702824A3CF1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70A05015-0D61-979E-A93C-9A8FB6CAD6F8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6555100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3" descr="Graphical user interface, text, application&#10;&#10;Description automatically generated">
            <a:extLst>
              <a:ext uri="{FF2B5EF4-FFF2-40B4-BE49-F238E27FC236}">
                <a16:creationId xmlns:a16="http://schemas.microsoft.com/office/drawing/2014/main" id="{EB2DF442-D00F-8B82-91D8-EE34F5B102B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58817" y="75295"/>
            <a:ext cx="9572443" cy="6707410"/>
          </a:xfrm>
          <a:prstGeom prst="rect">
            <a:avLst/>
          </a:prstGeom>
          <a:ln>
            <a:solidFill>
              <a:schemeClr val="accent3"/>
            </a:solidFill>
          </a:ln>
        </p:spPr>
      </p:pic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106E1BF-B006-4A0A-8E4F-DC7E3D3684B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5036F3E0-9AF7-2C9B-FE71-048FB1320CA8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4716323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3">
            <a:extLst>
              <a:ext uri="{FF2B5EF4-FFF2-40B4-BE49-F238E27FC236}">
                <a16:creationId xmlns:a16="http://schemas.microsoft.com/office/drawing/2014/main" id="{AAC58AB8-A445-2621-918C-D8EDD2CDDD2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33269" y="60180"/>
            <a:ext cx="9112367" cy="6737638"/>
          </a:xfrm>
          <a:prstGeom prst="rect">
            <a:avLst/>
          </a:prstGeom>
        </p:spPr>
      </p:pic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32AE6EC3-D18B-4061-AA22-5E5FE44837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19994"/>
            <a:ext cx="482229" cy="48243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78F53178-EDB3-7FBF-1FE7-13182E156405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8889288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618887" y="3562382"/>
            <a:ext cx="8760954" cy="996450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>
                <a:latin typeface="Ericsson Hilda Light"/>
              </a:rPr>
              <a:t>Book Rental Application</a:t>
            </a:r>
            <a:endParaRPr lang="en-US"/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" name="Title 7">
            <a:extLst>
              <a:ext uri="{FF2B5EF4-FFF2-40B4-BE49-F238E27FC236}">
                <a16:creationId xmlns:a16="http://schemas.microsoft.com/office/drawing/2014/main" id="{811BCDE6-2B83-2D65-DD50-2CC8D1C67B33}"/>
              </a:ext>
            </a:extLst>
          </p:cNvPr>
          <p:cNvSpPr txBox="1">
            <a:spLocks/>
          </p:cNvSpPr>
          <p:nvPr/>
        </p:nvSpPr>
        <p:spPr>
          <a:xfrm>
            <a:off x="2992578" y="2537711"/>
            <a:ext cx="6206843" cy="72833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solidFill>
                  <a:srgbClr val="FFFF00"/>
                </a:solidFill>
                <a:latin typeface="Ericsson Hilda Light"/>
              </a:rPr>
              <a:t>&lt;&lt; IT ' S SHOWTIME &gt;&gt;</a:t>
            </a:r>
            <a:endParaRPr lang="en-US" sz="4800">
              <a:solidFill>
                <a:srgbClr val="FFFF00"/>
              </a:solidFill>
              <a:cs typeface="Calibri Light"/>
            </a:endParaRPr>
          </a:p>
        </p:txBody>
      </p:sp>
      <p:sp>
        <p:nvSpPr>
          <p:cNvPr id="5" name="Cloud 4">
            <a:extLst>
              <a:ext uri="{FF2B5EF4-FFF2-40B4-BE49-F238E27FC236}">
                <a16:creationId xmlns:a16="http://schemas.microsoft.com/office/drawing/2014/main" id="{32462E15-C176-86B2-E9A1-C99F025E7135}"/>
              </a:ext>
            </a:extLst>
          </p:cNvPr>
          <p:cNvSpPr/>
          <p:nvPr/>
        </p:nvSpPr>
        <p:spPr>
          <a:xfrm>
            <a:off x="11468605" y="6364110"/>
            <a:ext cx="635000" cy="437444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782337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1375200" y="3030968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Functional specification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389EC28-F9C4-4DB5-8873-DDE2BC3B531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35526" y="2775434"/>
            <a:ext cx="1161825" cy="1429938"/>
          </a:xfrm>
          <a:prstGeom prst="rect">
            <a:avLst/>
          </a:prstGeom>
        </p:spPr>
      </p:pic>
      <p:sp>
        <p:nvSpPr>
          <p:cNvPr id="7" name="Star: 7 Points 6">
            <a:extLst>
              <a:ext uri="{FF2B5EF4-FFF2-40B4-BE49-F238E27FC236}">
                <a16:creationId xmlns:a16="http://schemas.microsoft.com/office/drawing/2014/main" id="{58367700-6C6D-F71F-7BEA-FE4AB35928EB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16138069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2692067" y="2847640"/>
            <a:ext cx="7021789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Implementation - Backend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8A83962-5E00-4A23-B13E-4CA1C4BBD8C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255181" y="2677055"/>
            <a:ext cx="1131563" cy="1392692"/>
          </a:xfrm>
          <a:prstGeom prst="rect">
            <a:avLst/>
          </a:prstGeom>
        </p:spPr>
      </p:pic>
      <p:sp>
        <p:nvSpPr>
          <p:cNvPr id="5" name="Cloud 4">
            <a:extLst>
              <a:ext uri="{FF2B5EF4-FFF2-40B4-BE49-F238E27FC236}">
                <a16:creationId xmlns:a16="http://schemas.microsoft.com/office/drawing/2014/main" id="{9D1BBC0A-E523-3F65-20C7-220EAF7AE4A8}"/>
              </a:ext>
            </a:extLst>
          </p:cNvPr>
          <p:cNvSpPr/>
          <p:nvPr/>
        </p:nvSpPr>
        <p:spPr>
          <a:xfrm>
            <a:off x="11468605" y="6364110"/>
            <a:ext cx="635000" cy="437444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3047599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A733155C-3D7B-4E23-8ACF-310406D8DE6B}"/>
              </a:ext>
            </a:extLst>
          </p:cNvPr>
          <p:cNvSpPr txBox="1">
            <a:spLocks/>
          </p:cNvSpPr>
          <p:nvPr/>
        </p:nvSpPr>
        <p:spPr>
          <a:xfrm>
            <a:off x="329930" y="34644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>
                <a:latin typeface="Ericsson Hilda ExtraBold" panose="00000900000000000000" pitchFamily="2" charset="0"/>
              </a:rPr>
              <a:t>Technologies used for backend </a:t>
            </a:r>
          </a:p>
        </p:txBody>
      </p:sp>
      <p:pic>
        <p:nvPicPr>
          <p:cNvPr id="1026" name="Picture 2" descr="Java (programming language) - Wikipedia">
            <a:extLst>
              <a:ext uri="{FF2B5EF4-FFF2-40B4-BE49-F238E27FC236}">
                <a16:creationId xmlns:a16="http://schemas.microsoft.com/office/drawing/2014/main" id="{6A00C471-3383-4976-8714-786F620138A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76738" y="1690025"/>
            <a:ext cx="1360149" cy="24876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>
            <a:extLst>
              <a:ext uri="{FF2B5EF4-FFF2-40B4-BE49-F238E27FC236}">
                <a16:creationId xmlns:a16="http://schemas.microsoft.com/office/drawing/2014/main" id="{5697AC36-26D1-47A7-926E-6189D154EE3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11894" y="3280217"/>
            <a:ext cx="4775011" cy="13255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MySQL logo and symbol, meaning, history, PNG">
            <a:extLst>
              <a:ext uri="{FF2B5EF4-FFF2-40B4-BE49-F238E27FC236}">
                <a16:creationId xmlns:a16="http://schemas.microsoft.com/office/drawing/2014/main" id="{6B33F243-693F-464E-AF2B-AFBEE6F2777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72665" y="1007894"/>
            <a:ext cx="2703203" cy="16899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2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95569775-DF44-40F9-B9B4-B73FB937EA3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8" name="Picture 4" descr="Exploring Spring Boot :Beginners Level - Knoldus Blogs">
            <a:extLst>
              <a:ext uri="{FF2B5EF4-FFF2-40B4-BE49-F238E27FC236}">
                <a16:creationId xmlns:a16="http://schemas.microsoft.com/office/drawing/2014/main" id="{4D74C5B5-BF4C-4743-835C-6D0ABC1B48C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817" y="2160745"/>
            <a:ext cx="2952750" cy="1552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2" descr="Logo, company name&#10;&#10;Description automatically generated">
            <a:extLst>
              <a:ext uri="{FF2B5EF4-FFF2-40B4-BE49-F238E27FC236}">
                <a16:creationId xmlns:a16="http://schemas.microsoft.com/office/drawing/2014/main" id="{283BEA99-5021-35D9-016C-3D0C9EEFCAD6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272486" y="4491846"/>
            <a:ext cx="3939216" cy="2029364"/>
          </a:xfrm>
          <a:prstGeom prst="rect">
            <a:avLst/>
          </a:prstGeom>
        </p:spPr>
      </p:pic>
      <p:pic>
        <p:nvPicPr>
          <p:cNvPr id="3" name="Picture 3" descr="A picture containing balloon, aircraft, transport&#10;&#10;Description automatically generated">
            <a:extLst>
              <a:ext uri="{FF2B5EF4-FFF2-40B4-BE49-F238E27FC236}">
                <a16:creationId xmlns:a16="http://schemas.microsoft.com/office/drawing/2014/main" id="{BCC881D4-7207-DF2D-22C8-A40B634935B0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277152" y="5339059"/>
            <a:ext cx="2958861" cy="766260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35EF4F60-E3CE-C75E-BC66-DBFEA884DFBE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45479707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b="1">
                <a:latin typeface="Ericsson Hilda Light"/>
              </a:rPr>
              <a:t>General Idea of Project – Make Our Lives Easier!</a:t>
            </a:r>
            <a:endParaRPr lang="en-US">
              <a:cs typeface="Calibri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90943" y="2138208"/>
            <a:ext cx="11877996" cy="60978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B727609-09F4-CEED-EDDC-537B7B9F8AC6}"/>
              </a:ext>
            </a:extLst>
          </p:cNvPr>
          <p:cNvSpPr txBox="1"/>
          <p:nvPr/>
        </p:nvSpPr>
        <p:spPr>
          <a:xfrm>
            <a:off x="320389" y="1108098"/>
            <a:ext cx="10198772" cy="526297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/>
              <a:buChar char="•"/>
            </a:pPr>
            <a:r>
              <a:rPr lang="en-US" sz="2800">
                <a:ea typeface="+mn-lt"/>
                <a:cs typeface="+mn-lt"/>
              </a:rPr>
              <a:t>No need to manually add dependencies to pom - we can use Spring </a:t>
            </a:r>
            <a:r>
              <a:rPr lang="en-US" sz="2800" err="1">
                <a:solidFill>
                  <a:srgbClr val="FFFF00"/>
                </a:solidFill>
                <a:ea typeface="+mn-lt"/>
                <a:cs typeface="+mn-lt"/>
              </a:rPr>
              <a:t>Initializr</a:t>
            </a:r>
            <a:r>
              <a:rPr lang="en-US" sz="2800">
                <a:solidFill>
                  <a:srgbClr val="FFFF00"/>
                </a:solidFill>
                <a:ea typeface="+mn-lt"/>
                <a:cs typeface="+mn-lt"/>
              </a:rPr>
              <a:t> </a:t>
            </a:r>
            <a:r>
              <a:rPr lang="en-US" sz="2800">
                <a:ea typeface="+mn-lt"/>
                <a:cs typeface="+mn-lt"/>
              </a:rPr>
              <a:t>and choose desired components,</a:t>
            </a:r>
            <a:endParaRPr lang="en-US" sz="2800">
              <a:cs typeface="Calibri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2800">
              <a:cs typeface="Calibri"/>
            </a:endParaRPr>
          </a:p>
          <a:p>
            <a:pPr marL="342900" indent="-342900">
              <a:buFont typeface="Arial"/>
              <a:buChar char="•"/>
            </a:pPr>
            <a:r>
              <a:rPr lang="en-US" sz="2800">
                <a:ea typeface="+mn-lt"/>
                <a:cs typeface="+mn-lt"/>
              </a:rPr>
              <a:t>We are not creating tables/relations - </a:t>
            </a:r>
            <a:r>
              <a:rPr lang="en-US" sz="2800">
                <a:solidFill>
                  <a:srgbClr val="FFFF00"/>
                </a:solidFill>
                <a:ea typeface="+mn-lt"/>
                <a:cs typeface="+mn-lt"/>
              </a:rPr>
              <a:t>Hibernate </a:t>
            </a:r>
            <a:r>
              <a:rPr lang="en-US" sz="2800">
                <a:ea typeface="+mn-lt"/>
                <a:cs typeface="+mn-lt"/>
              </a:rPr>
              <a:t>is doing this for us automatically,</a:t>
            </a:r>
            <a:endParaRPr lang="en-US" sz="2800">
              <a:cs typeface="Calibri" panose="020F0502020204030204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2800">
              <a:cs typeface="Calibri" panose="020F0502020204030204"/>
            </a:endParaRPr>
          </a:p>
          <a:p>
            <a:pPr marL="342900" indent="-342900">
              <a:buFont typeface="Arial"/>
              <a:buChar char="•"/>
            </a:pPr>
            <a:r>
              <a:rPr lang="en-US" sz="2800">
                <a:ea typeface="+mn-lt"/>
                <a:cs typeface="+mn-lt"/>
              </a:rPr>
              <a:t>We are not installing </a:t>
            </a:r>
            <a:r>
              <a:rPr lang="en-US" sz="2800">
                <a:solidFill>
                  <a:srgbClr val="FFFF00"/>
                </a:solidFill>
                <a:ea typeface="+mn-lt"/>
                <a:cs typeface="+mn-lt"/>
              </a:rPr>
              <a:t>Tomcat Server </a:t>
            </a:r>
            <a:r>
              <a:rPr lang="en-US" sz="2800">
                <a:ea typeface="+mn-lt"/>
                <a:cs typeface="+mn-lt"/>
              </a:rPr>
              <a:t>to run web app - it is already included in </a:t>
            </a:r>
            <a:r>
              <a:rPr lang="en-US" sz="2800">
                <a:solidFill>
                  <a:srgbClr val="FFFF00"/>
                </a:solidFill>
                <a:ea typeface="+mn-lt"/>
                <a:cs typeface="+mn-lt"/>
              </a:rPr>
              <a:t>Spring Boot</a:t>
            </a:r>
            <a:r>
              <a:rPr lang="en-US" sz="2800">
                <a:ea typeface="+mn-lt"/>
                <a:cs typeface="+mn-lt"/>
              </a:rPr>
              <a:t>,</a:t>
            </a:r>
          </a:p>
          <a:p>
            <a:pPr marL="342900" indent="-342900">
              <a:buFont typeface="Arial"/>
              <a:buChar char="•"/>
            </a:pPr>
            <a:endParaRPr lang="en-US" sz="2800">
              <a:cs typeface="Calibri"/>
            </a:endParaRPr>
          </a:p>
          <a:p>
            <a:pPr marL="342900" indent="-342900">
              <a:buFont typeface="Arial"/>
              <a:buChar char="•"/>
            </a:pPr>
            <a:r>
              <a:rPr lang="en-US" sz="2800">
                <a:cs typeface="Calibri"/>
              </a:rPr>
              <a:t>As for Authentication/Authorization, for example preparing login page and displaying certain things for certain roles – </a:t>
            </a:r>
            <a:r>
              <a:rPr lang="en-US" sz="2800">
                <a:solidFill>
                  <a:srgbClr val="FFFF00"/>
                </a:solidFill>
                <a:cs typeface="Calibri"/>
              </a:rPr>
              <a:t>Spring Security</a:t>
            </a:r>
            <a:r>
              <a:rPr lang="en-US" sz="2800">
                <a:cs typeface="Calibri"/>
              </a:rPr>
              <a:t> is helping us heavily!</a:t>
            </a:r>
          </a:p>
        </p:txBody>
      </p:sp>
      <p:sp>
        <p:nvSpPr>
          <p:cNvPr id="7" name="Star: 7 Points 6">
            <a:extLst>
              <a:ext uri="{FF2B5EF4-FFF2-40B4-BE49-F238E27FC236}">
                <a16:creationId xmlns:a16="http://schemas.microsoft.com/office/drawing/2014/main" id="{56492C9F-6B7C-4B75-803E-B5A4F344BA95}"/>
              </a:ext>
            </a:extLst>
          </p:cNvPr>
          <p:cNvSpPr/>
          <p:nvPr/>
        </p:nvSpPr>
        <p:spPr>
          <a:xfrm>
            <a:off x="11579846" y="6167523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0979623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4583267" y="3756834"/>
            <a:ext cx="3426954" cy="996450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6000" b="1">
                <a:latin typeface="Ericsson Hilda Light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nitializr</a:t>
            </a:r>
            <a:endParaRPr lang="en-US" sz="7200" b="1"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" name="Title 7">
            <a:extLst>
              <a:ext uri="{FF2B5EF4-FFF2-40B4-BE49-F238E27FC236}">
                <a16:creationId xmlns:a16="http://schemas.microsoft.com/office/drawing/2014/main" id="{811BCDE6-2B83-2D65-DD50-2CC8D1C67B33}"/>
              </a:ext>
            </a:extLst>
          </p:cNvPr>
          <p:cNvSpPr txBox="1">
            <a:spLocks/>
          </p:cNvSpPr>
          <p:nvPr/>
        </p:nvSpPr>
        <p:spPr>
          <a:xfrm>
            <a:off x="3193323" y="2745100"/>
            <a:ext cx="6206843" cy="72833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solidFill>
                  <a:srgbClr val="FFFF00"/>
                </a:solidFill>
                <a:latin typeface="Ericsson Hilda Light"/>
              </a:rPr>
              <a:t>&lt;&lt; IT ' S SHOWTIME &gt;&gt;</a:t>
            </a:r>
            <a:endParaRPr lang="en-US" sz="4800">
              <a:solidFill>
                <a:srgbClr val="FFFF00"/>
              </a:solidFill>
              <a:cs typeface="Calibri Light"/>
            </a:endParaRPr>
          </a:p>
        </p:txBody>
      </p:sp>
      <p:sp>
        <p:nvSpPr>
          <p:cNvPr id="4" name="Star: 7 Points 3">
            <a:extLst>
              <a:ext uri="{FF2B5EF4-FFF2-40B4-BE49-F238E27FC236}">
                <a16:creationId xmlns:a16="http://schemas.microsoft.com/office/drawing/2014/main" id="{D79461C4-145D-7C02-F5EE-F723DC1EA326}"/>
              </a:ext>
            </a:extLst>
          </p:cNvPr>
          <p:cNvSpPr/>
          <p:nvPr/>
        </p:nvSpPr>
        <p:spPr>
          <a:xfrm>
            <a:off x="11579846" y="6167523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46881630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Spring boot – what is it?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76832" y="1474986"/>
            <a:ext cx="11877996" cy="517834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Open-source java-based </a:t>
            </a:r>
            <a:r>
              <a:rPr lang="en-US" sz="2500">
                <a:latin typeface="Ericsson Hilda"/>
              </a:rPr>
              <a:t>framework used </a:t>
            </a:r>
            <a:r>
              <a:rPr lang="en-US" sz="2500" b="1">
                <a:latin typeface="Ericsson Hilda"/>
              </a:rPr>
              <a:t>to create micro-Services,</a:t>
            </a:r>
            <a:endParaRPr lang="en-US"/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latin typeface="Ericsson Hilda"/>
              </a:rPr>
              <a:t>We can start our work with minimum configuration </a:t>
            </a:r>
            <a:r>
              <a:rPr lang="en-US" sz="2500">
                <a:latin typeface="Ericsson Hilda"/>
              </a:rPr>
              <a:t>-&gt; </a:t>
            </a:r>
            <a:r>
              <a:rPr lang="en-US" sz="2500" b="1">
                <a:solidFill>
                  <a:srgbClr val="FFFF00"/>
                </a:solidFill>
                <a:latin typeface="Ericsson Hilda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pring boot initializer 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,</a:t>
            </a:r>
            <a:endParaRPr lang="en-US" sz="2500" b="1">
              <a:solidFill>
                <a:srgbClr val="FFFF00"/>
              </a:solidFill>
              <a:latin typeface="Ericsson Hilda" panose="00000500000000000000" pitchFamily="2" charset="0"/>
            </a:endParaRP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No need for installing server – tomcat is already provided,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latin typeface="Ericsson Hilda"/>
              </a:rPr>
              <a:t>Easy to understand</a:t>
            </a:r>
            <a:r>
              <a:rPr lang="en-US" sz="2500">
                <a:latin typeface="Ericsson Hilda"/>
              </a:rPr>
              <a:t>, lots of free tutorials available,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  <a:ea typeface="+mn-lt"/>
                <a:cs typeface="+mn-lt"/>
              </a:rPr>
              <a:t>Using Spring Boot, we can </a:t>
            </a:r>
            <a:r>
              <a:rPr lang="en-US" sz="2500" b="1">
                <a:latin typeface="Ericsson Hilda"/>
                <a:ea typeface="+mn-lt"/>
                <a:cs typeface="+mn-lt"/>
              </a:rPr>
              <a:t>eliminate </a:t>
            </a:r>
            <a:r>
              <a:rPr lang="en-US" sz="2500">
                <a:latin typeface="Ericsson Hilda"/>
                <a:ea typeface="+mn-lt"/>
                <a:cs typeface="+mn-lt"/>
              </a:rPr>
              <a:t>most of the </a:t>
            </a:r>
            <a:r>
              <a:rPr lang="en-US" sz="2500" b="1">
                <a:latin typeface="Ericsson Hilda"/>
                <a:ea typeface="+mn-lt"/>
                <a:cs typeface="+mn-lt"/>
              </a:rPr>
              <a:t>boilerplate configuration.</a:t>
            </a:r>
            <a:endParaRPr lang="en-US" sz="2500">
              <a:latin typeface="Ericsson Hilda"/>
              <a:cs typeface="Calibri" panose="020F0502020204030204"/>
            </a:endParaRPr>
          </a:p>
          <a:p>
            <a:endParaRPr lang="en-US" sz="2500">
              <a:latin typeface="Ericsson Hilda"/>
              <a:ea typeface="+mn-lt"/>
              <a:cs typeface="+mn-lt"/>
            </a:endParaRPr>
          </a:p>
          <a:p>
            <a:r>
              <a:rPr lang="en-US" sz="2500" b="1">
                <a:latin typeface="Ericsson Hilda"/>
                <a:ea typeface="+mn-lt"/>
                <a:cs typeface="+mn-lt"/>
              </a:rPr>
              <a:t>We can create our applications much easier/faster!</a:t>
            </a:r>
            <a:endParaRPr lang="en-US" b="1">
              <a:latin typeface="Ericsson Hilda"/>
              <a:cs typeface="Calibri" panose="020F0502020204030204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/>
          </a:p>
          <a:p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7" name="Picture 4" descr="Exploring Spring Boot :Beginners Level - Knoldus Blogs">
            <a:extLst>
              <a:ext uri="{FF2B5EF4-FFF2-40B4-BE49-F238E27FC236}">
                <a16:creationId xmlns:a16="http://schemas.microsoft.com/office/drawing/2014/main" id="{0266B968-5A35-43AF-9260-C218796912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06897" y="5021158"/>
            <a:ext cx="2952750" cy="1552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Cloud 2">
            <a:extLst>
              <a:ext uri="{FF2B5EF4-FFF2-40B4-BE49-F238E27FC236}">
                <a16:creationId xmlns:a16="http://schemas.microsoft.com/office/drawing/2014/main" id="{D9466C12-2AB2-BB6E-52DE-114F3A7252CE}"/>
              </a:ext>
            </a:extLst>
          </p:cNvPr>
          <p:cNvSpPr/>
          <p:nvPr/>
        </p:nvSpPr>
        <p:spPr>
          <a:xfrm>
            <a:off x="11268781" y="6179025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27915597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5400" b="1">
                <a:latin typeface="Ericsson Hilda Light"/>
              </a:rPr>
              <a:t>Spring boot – what is it?</a:t>
            </a:r>
            <a:endParaRPr lang="en-US" sz="54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72280" y="986142"/>
            <a:ext cx="11877996" cy="7017306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latin typeface="Ericsson Hilda"/>
              </a:rPr>
              <a:t>Spring boot provides</a:t>
            </a:r>
            <a:r>
              <a:rPr lang="en-US" sz="2500">
                <a:latin typeface="Ericsson Hilda"/>
              </a:rPr>
              <a:t>:</a:t>
            </a:r>
            <a:endParaRPr lang="en-US">
              <a:latin typeface="Ericsson Hilda"/>
            </a:endParaRP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flexible way to configure Java Beans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,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xml configurations </a:t>
            </a:r>
          </a:p>
          <a:p>
            <a:pPr lvl="1">
              <a:lnSpc>
                <a:spcPct val="150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and database transactions,</a:t>
            </a:r>
            <a:endParaRPr lang="en-US">
              <a:solidFill>
                <a:srgbClr val="FFFF00"/>
              </a:solidFill>
              <a:cs typeface="Calibri" panose="020F0502020204030204"/>
            </a:endParaRP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Powerful batch processing &amp;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managing REST endpoints,</a:t>
            </a: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Auto configuration </a:t>
            </a:r>
            <a:r>
              <a:rPr lang="en-US" sz="2500">
                <a:latin typeface="Ericsson Hilda"/>
              </a:rPr>
              <a:t>– no manual configurations needed,</a:t>
            </a: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Annotation-based application,</a:t>
            </a: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Easy dependency management,</a:t>
            </a: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Included Embedded Servlet Container,</a:t>
            </a: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Security library</a:t>
            </a:r>
            <a:r>
              <a:rPr lang="en-US" sz="2500" b="1">
                <a:solidFill>
                  <a:srgbClr val="00B0F0"/>
                </a:solidFill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– handling logging (includes default forms), integration with </a:t>
            </a:r>
            <a:r>
              <a:rPr lang="en-US" sz="2500" err="1">
                <a:latin typeface="Ericsson Hilda"/>
              </a:rPr>
              <a:t>Thymeleaf</a:t>
            </a:r>
            <a:r>
              <a:rPr lang="en-US" sz="2500">
                <a:latin typeface="Ericsson Hilda"/>
              </a:rPr>
              <a:t>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7" name="Picture 4" descr="Exploring Spring Boot :Beginners Level - Knoldus Blogs">
            <a:extLst>
              <a:ext uri="{FF2B5EF4-FFF2-40B4-BE49-F238E27FC236}">
                <a16:creationId xmlns:a16="http://schemas.microsoft.com/office/drawing/2014/main" id="{9DB8DC34-D774-44AB-869B-00D80B7954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52875" y="3426602"/>
            <a:ext cx="2952750" cy="1552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Cloud 7">
            <a:extLst>
              <a:ext uri="{FF2B5EF4-FFF2-40B4-BE49-F238E27FC236}">
                <a16:creationId xmlns:a16="http://schemas.microsoft.com/office/drawing/2014/main" id="{DC76FB8A-CD24-4A92-98CA-0AE69C81B0A4}"/>
              </a:ext>
            </a:extLst>
          </p:cNvPr>
          <p:cNvSpPr/>
          <p:nvPr/>
        </p:nvSpPr>
        <p:spPr>
          <a:xfrm>
            <a:off x="11315276" y="6174579"/>
            <a:ext cx="635000" cy="522110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42329092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0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3407767" y="3662314"/>
            <a:ext cx="5896398" cy="996450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>
                <a:latin typeface="Ericsson Hilda Light"/>
              </a:rPr>
              <a:t>Project’s Structure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" name="Title 7">
            <a:extLst>
              <a:ext uri="{FF2B5EF4-FFF2-40B4-BE49-F238E27FC236}">
                <a16:creationId xmlns:a16="http://schemas.microsoft.com/office/drawing/2014/main" id="{811BCDE6-2B83-2D65-DD50-2CC8D1C67B33}"/>
              </a:ext>
            </a:extLst>
          </p:cNvPr>
          <p:cNvSpPr txBox="1">
            <a:spLocks/>
          </p:cNvSpPr>
          <p:nvPr/>
        </p:nvSpPr>
        <p:spPr>
          <a:xfrm>
            <a:off x="2998021" y="2707393"/>
            <a:ext cx="6206843" cy="72833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solidFill>
                  <a:srgbClr val="FFFF00"/>
                </a:solidFill>
                <a:latin typeface="Ericsson Hilda Light"/>
              </a:rPr>
              <a:t>&lt;&lt; IT ' S SHOWTIME &gt;&gt;</a:t>
            </a:r>
            <a:endParaRPr lang="en-US" sz="4800">
              <a:solidFill>
                <a:srgbClr val="FFFF00"/>
              </a:solidFill>
              <a:cs typeface="Calibri Light"/>
            </a:endParaRPr>
          </a:p>
        </p:txBody>
      </p:sp>
      <p:sp>
        <p:nvSpPr>
          <p:cNvPr id="6" name="Cloud 5">
            <a:extLst>
              <a:ext uri="{FF2B5EF4-FFF2-40B4-BE49-F238E27FC236}">
                <a16:creationId xmlns:a16="http://schemas.microsoft.com/office/drawing/2014/main" id="{63D62BAB-0DA6-4555-B45F-B7DC13765482}"/>
              </a:ext>
            </a:extLst>
          </p:cNvPr>
          <p:cNvSpPr/>
          <p:nvPr/>
        </p:nvSpPr>
        <p:spPr>
          <a:xfrm>
            <a:off x="11261122" y="6228234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4558073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Database schema</a:t>
            </a:r>
          </a:p>
        </p:txBody>
      </p:sp>
      <p:sp>
        <p:nvSpPr>
          <p:cNvPr id="5" name="Star: 7 Points 4">
            <a:extLst>
              <a:ext uri="{FF2B5EF4-FFF2-40B4-BE49-F238E27FC236}">
                <a16:creationId xmlns:a16="http://schemas.microsoft.com/office/drawing/2014/main" id="{EEB532FB-0F2D-4D9A-BD6D-1AFFD61E31EA}"/>
              </a:ext>
            </a:extLst>
          </p:cNvPr>
          <p:cNvSpPr/>
          <p:nvPr/>
        </p:nvSpPr>
        <p:spPr>
          <a:xfrm>
            <a:off x="11499947" y="6167523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63490891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5D4FACE5-D242-4BD4-86D7-06F040284D2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1E91947B-B4A1-4885-BB03-1F96A738989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4064" y="255351"/>
            <a:ext cx="10858500" cy="6515100"/>
          </a:xfrm>
          <a:prstGeom prst="rect">
            <a:avLst/>
          </a:prstGeom>
        </p:spPr>
      </p:pic>
      <p:sp>
        <p:nvSpPr>
          <p:cNvPr id="4" name="Star: 7 Points 3">
            <a:extLst>
              <a:ext uri="{FF2B5EF4-FFF2-40B4-BE49-F238E27FC236}">
                <a16:creationId xmlns:a16="http://schemas.microsoft.com/office/drawing/2014/main" id="{8F1339CB-3179-4B9D-A727-D066BC0C25AF}"/>
              </a:ext>
            </a:extLst>
          </p:cNvPr>
          <p:cNvSpPr/>
          <p:nvPr/>
        </p:nvSpPr>
        <p:spPr>
          <a:xfrm>
            <a:off x="11481068" y="6195745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3494209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544895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800" b="1" dirty="0">
                <a:latin typeface="Ericsson Hilda Light"/>
              </a:rPr>
              <a:t>Database –Hibernate &amp; MySQL</a:t>
            </a:r>
            <a:endParaRPr lang="en-US" sz="4800" b="1" i="0" u="none" strike="noStrike" kern="1400" cap="none" spc="-160" normalizeH="0" baseline="0" noProof="0" dirty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142835" y="989320"/>
            <a:ext cx="10615385" cy="669600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 b="1" dirty="0">
                <a:latin typeface="Ericsson Hilda"/>
              </a:rPr>
              <a:t>Hibernate is</a:t>
            </a:r>
            <a:r>
              <a:rPr lang="en-US" sz="2300" dirty="0">
                <a:latin typeface="Ericsson Hilda"/>
              </a:rPr>
              <a:t>: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 dirty="0">
                <a:latin typeface="Ericsson Hilda"/>
              </a:rPr>
              <a:t>One of the most popular </a:t>
            </a:r>
            <a:r>
              <a:rPr lang="en-US" sz="2300" b="1" dirty="0">
                <a:latin typeface="Ericsson Hilda"/>
              </a:rPr>
              <a:t>implementation of JPA </a:t>
            </a:r>
            <a:r>
              <a:rPr lang="en-US" sz="2300" dirty="0">
                <a:latin typeface="Ericsson Hilda"/>
              </a:rPr>
              <a:t>(Java Persistent API),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 b="1" dirty="0">
                <a:solidFill>
                  <a:srgbClr val="FFFF00"/>
                </a:solidFill>
                <a:latin typeface="Ericsson Hilda"/>
              </a:rPr>
              <a:t>Object relational mapping (ORM) tool</a:t>
            </a:r>
            <a:r>
              <a:rPr lang="en-US" sz="2300" dirty="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300" dirty="0">
                <a:latin typeface="Ericsson Hilda"/>
              </a:rPr>
              <a:t>providing a framework to map object-oriented domain models to relational databases for web applications (</a:t>
            </a:r>
            <a:r>
              <a:rPr lang="en-US" sz="2300" b="1" dirty="0">
                <a:latin typeface="Ericsson Hilda"/>
              </a:rPr>
              <a:t>maps java classes into database tables and java data types to SQL data types and provides querying and retrieval</a:t>
            </a:r>
            <a:r>
              <a:rPr lang="en-US" sz="2300" dirty="0">
                <a:latin typeface="Ericsson Hilda"/>
              </a:rPr>
              <a:t>).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300" dirty="0">
              <a:latin typeface="Ericsson Hilda" panose="00000500000000000000" pitchFamily="2" charset="0"/>
            </a:endParaRPr>
          </a:p>
          <a:p>
            <a:pPr marL="342900" indent="-342900">
              <a:lnSpc>
                <a:spcPct val="125000"/>
              </a:lnSpc>
              <a:buFont typeface="Arial,Sans-Serif" panose="020B0604020202020204" pitchFamily="34" charset="0"/>
              <a:buChar char="•"/>
            </a:pPr>
            <a:r>
              <a:rPr lang="en-US" sz="2300" b="1" dirty="0">
                <a:solidFill>
                  <a:srgbClr val="FFFF00"/>
                </a:solidFill>
                <a:latin typeface="Ericsson Hilda"/>
              </a:rPr>
              <a:t>Benefits of using hibernate:</a:t>
            </a:r>
            <a:endParaRPr lang="en-US" sz="2300">
              <a:latin typeface="Ericsson Hilda"/>
              <a:ea typeface="+mn-lt"/>
              <a:cs typeface="+mn-lt"/>
            </a:endParaRPr>
          </a:p>
          <a:p>
            <a:pPr marL="800100" lvl="1" indent="-342900">
              <a:lnSpc>
                <a:spcPct val="125000"/>
              </a:lnSpc>
              <a:buFont typeface="Arial,Sans-Serif" panose="020B0604020202020204" pitchFamily="34" charset="0"/>
              <a:buChar char="•"/>
            </a:pPr>
            <a:r>
              <a:rPr lang="en-US" sz="2300" dirty="0">
                <a:latin typeface="Ericsson Hilda"/>
              </a:rPr>
              <a:t>Open-source,</a:t>
            </a:r>
            <a:endParaRPr lang="en-US" sz="2300">
              <a:latin typeface="Ericsson Hilda"/>
              <a:ea typeface="+mn-lt"/>
              <a:cs typeface="+mn-lt"/>
            </a:endParaRPr>
          </a:p>
          <a:p>
            <a:pPr marL="800100" lvl="1" indent="-342900">
              <a:lnSpc>
                <a:spcPct val="125000"/>
              </a:lnSpc>
              <a:buFont typeface="Arial,Sans-Serif" panose="020B0604020202020204" pitchFamily="34" charset="0"/>
              <a:buChar char="•"/>
            </a:pPr>
            <a:r>
              <a:rPr lang="en-US" sz="2300" dirty="0">
                <a:latin typeface="Ericsson Hilda"/>
              </a:rPr>
              <a:t>Database type independent – connectors available for any database like Oracle, MySQL, PostgreSQL </a:t>
            </a:r>
            <a:r>
              <a:rPr lang="en-US" sz="2300" dirty="0" err="1">
                <a:latin typeface="Ericsson Hilda"/>
              </a:rPr>
              <a:t>etc</a:t>
            </a:r>
            <a:endParaRPr lang="en-US" sz="2300">
              <a:latin typeface="Ericsson Hilda"/>
              <a:ea typeface="+mn-lt"/>
              <a:cs typeface="+mn-lt"/>
            </a:endParaRPr>
          </a:p>
          <a:p>
            <a:pPr marL="800100" lvl="1" indent="-342900">
              <a:lnSpc>
                <a:spcPct val="125000"/>
              </a:lnSpc>
              <a:buFont typeface="Arial,Sans-Serif" panose="020B0604020202020204" pitchFamily="34" charset="0"/>
              <a:buChar char="•"/>
            </a:pPr>
            <a:r>
              <a:rPr lang="en-US" sz="2300" dirty="0">
                <a:latin typeface="Ericsson Hilda"/>
              </a:rPr>
              <a:t>Automatic table creation – no manual work in database needed,</a:t>
            </a:r>
            <a:endParaRPr lang="en-US" sz="2300">
              <a:latin typeface="Ericsson Hilda"/>
              <a:ea typeface="+mn-lt"/>
              <a:cs typeface="+mn-lt"/>
            </a:endParaRPr>
          </a:p>
          <a:p>
            <a:pPr marL="800100" lvl="1" indent="-342900">
              <a:lnSpc>
                <a:spcPct val="125000"/>
              </a:lnSpc>
              <a:buFont typeface="Arial,Sans-Serif" panose="020B0604020202020204" pitchFamily="34" charset="0"/>
              <a:buChar char="•"/>
            </a:pPr>
            <a:r>
              <a:rPr lang="en-US" sz="2300" dirty="0">
                <a:latin typeface="Ericsson Hilda"/>
              </a:rPr>
              <a:t>Handling database creation if it does not exist,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300" dirty="0">
              <a:latin typeface="Ericsson Hilda" panose="00000500000000000000" pitchFamily="2" charset="0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300" dirty="0">
              <a:latin typeface="Ericsson Hilda" panose="00000500000000000000" pitchFamily="2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DF07C60E-6D65-4F20-8EDF-2565D66F23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63164" y="3622729"/>
            <a:ext cx="4775011" cy="13255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Star: 7 Points 7">
            <a:extLst>
              <a:ext uri="{FF2B5EF4-FFF2-40B4-BE49-F238E27FC236}">
                <a16:creationId xmlns:a16="http://schemas.microsoft.com/office/drawing/2014/main" id="{A4276CE5-9B74-4AAA-8FE6-20830349954E}"/>
              </a:ext>
            </a:extLst>
          </p:cNvPr>
          <p:cNvSpPr/>
          <p:nvPr/>
        </p:nvSpPr>
        <p:spPr>
          <a:xfrm>
            <a:off x="11495179" y="6181634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0497979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6" name="Picture 35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D19665E1-E93E-4515-85F0-0C3B40F62C18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General information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1" name="Rectangle 30">
            <a:extLst>
              <a:ext uri="{FF2B5EF4-FFF2-40B4-BE49-F238E27FC236}">
                <a16:creationId xmlns:a16="http://schemas.microsoft.com/office/drawing/2014/main" id="{FF9574AB-8588-46AC-BD85-24C1D72DB426}"/>
              </a:ext>
            </a:extLst>
          </p:cNvPr>
          <p:cNvSpPr>
            <a:spLocks/>
          </p:cNvSpPr>
          <p:nvPr/>
        </p:nvSpPr>
        <p:spPr bwMode="auto">
          <a:xfrm>
            <a:off x="502539" y="1642653"/>
            <a:ext cx="3550355" cy="2581753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182880" tIns="182880" rIns="182880" bIns="1828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indent="0" algn="ctr" fontAlgn="base">
              <a:spcBef>
                <a:spcPts val="300"/>
              </a:spcBef>
              <a:spcAft>
                <a:spcPct val="0"/>
              </a:spcAft>
              <a:buNone/>
            </a:pPr>
            <a:r>
              <a:rPr lang="en-US" sz="2400" b="1"/>
              <a:t>Book Rental</a:t>
            </a:r>
            <a:r>
              <a:rPr lang="en-US" sz="2400"/>
              <a:t> is a web application written using Spring Boot, Hibernate &amp; Thymeleaf.</a:t>
            </a:r>
            <a:endParaRPr lang="en-US" sz="2400">
              <a:cs typeface="Calibri"/>
            </a:endParaRP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B60F51AF-C735-4D67-8AFC-205DD7A213F0}"/>
              </a:ext>
            </a:extLst>
          </p:cNvPr>
          <p:cNvSpPr>
            <a:spLocks/>
          </p:cNvSpPr>
          <p:nvPr/>
        </p:nvSpPr>
        <p:spPr bwMode="auto">
          <a:xfrm>
            <a:off x="2442567" y="4322658"/>
            <a:ext cx="3507224" cy="225107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182880" tIns="182880" rIns="182880" bIns="1828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fontAlgn="base">
              <a:spcBef>
                <a:spcPts val="300"/>
              </a:spcBef>
              <a:spcAft>
                <a:spcPct val="0"/>
              </a:spcAft>
            </a:pPr>
            <a:r>
              <a:rPr lang="en-US" sz="2400" b="1"/>
              <a:t>Application is designed to be simple and not complicated</a:t>
            </a:r>
            <a:r>
              <a:rPr lang="en-US" sz="2400"/>
              <a:t>. Many features are simplified. </a:t>
            </a:r>
            <a:endParaRPr lang="en-US" sz="2400">
              <a:cs typeface="Calibri"/>
            </a:endParaRP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A83C90F9-FF2E-4578-AD2F-142E3EB1B755}"/>
              </a:ext>
            </a:extLst>
          </p:cNvPr>
          <p:cNvSpPr>
            <a:spLocks/>
          </p:cNvSpPr>
          <p:nvPr/>
        </p:nvSpPr>
        <p:spPr bwMode="auto">
          <a:xfrm>
            <a:off x="4196179" y="1642653"/>
            <a:ext cx="3823525" cy="2581754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182880" tIns="182880" rIns="182880" bIns="1828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indent="0" algn="ctr" fontAlgn="base">
              <a:spcBef>
                <a:spcPts val="300"/>
              </a:spcBef>
              <a:spcAft>
                <a:spcPct val="0"/>
              </a:spcAft>
              <a:buNone/>
            </a:pPr>
            <a:r>
              <a:rPr lang="en-US" sz="2400" b="1"/>
              <a:t>Book Rental </a:t>
            </a:r>
            <a:r>
              <a:rPr lang="en-US" sz="2400"/>
              <a:t>is designed for librarians, and it is supposed to be used in small libraries. It helps with managing the process of renting books to readers.</a:t>
            </a:r>
            <a:endParaRPr lang="en-US" sz="2400">
              <a:cs typeface="Calibri"/>
            </a:endParaRPr>
          </a:p>
        </p:txBody>
      </p:sp>
      <p:pic>
        <p:nvPicPr>
          <p:cNvPr id="37" name="Graphic 36" descr="Stack of books with pear">
            <a:extLst>
              <a:ext uri="{FF2B5EF4-FFF2-40B4-BE49-F238E27FC236}">
                <a16:creationId xmlns:a16="http://schemas.microsoft.com/office/drawing/2014/main" id="{3C4DE94C-828D-4687-8859-20E3210E0078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782187" y="1875622"/>
            <a:ext cx="4331029" cy="4331029"/>
          </a:xfrm>
          <a:prstGeom prst="rect">
            <a:avLst/>
          </a:prstGeom>
        </p:spPr>
      </p:pic>
      <p:sp>
        <p:nvSpPr>
          <p:cNvPr id="10" name="Star: 7 Points 9">
            <a:extLst>
              <a:ext uri="{FF2B5EF4-FFF2-40B4-BE49-F238E27FC236}">
                <a16:creationId xmlns:a16="http://schemas.microsoft.com/office/drawing/2014/main" id="{698AE670-7CA5-446F-A6C8-39BF1C25DB06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43788312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24287" cy="629562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>
                <a:latin typeface="Ericsson Hilda Light"/>
              </a:rPr>
              <a:t>Database – Hibernate &amp; MySQL</a:t>
            </a:r>
            <a:endParaRPr lang="en-US" sz="54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1103524"/>
            <a:ext cx="9825162" cy="4865756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 b="1" dirty="0">
              <a:solidFill>
                <a:srgbClr val="FFFF00"/>
              </a:solidFill>
              <a:latin typeface="Ericsson Hilda"/>
              <a:ea typeface="+mn-lt"/>
              <a:cs typeface="+mn-lt"/>
            </a:endParaRPr>
          </a:p>
          <a:p>
            <a:pPr>
              <a:lnSpc>
                <a:spcPct val="125000"/>
              </a:lnSpc>
            </a:pPr>
            <a:r>
              <a:rPr lang="en-US" sz="2500" b="1" dirty="0">
                <a:solidFill>
                  <a:srgbClr val="FFFF00"/>
                </a:solidFill>
                <a:latin typeface="Ericsson Hilda"/>
              </a:rPr>
              <a:t>Benefits of using hibernate:</a:t>
            </a:r>
            <a:endParaRPr lang="en-US" sz="2500" dirty="0">
              <a:ea typeface="+mn-lt"/>
              <a:cs typeface="+mn-lt"/>
            </a:endParaRP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 dirty="0">
                <a:latin typeface="Ericsson Hilda"/>
              </a:rPr>
              <a:t>Transparent persistence – ensures the automatic connection between application’s objects with the database tables,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 dirty="0">
                <a:latin typeface="Ericsson Hilda"/>
              </a:rPr>
              <a:t>HQL (Hibernate Query Language) – object-oriented version of SQL generating database independent queries,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 dirty="0">
                <a:latin typeface="Ericsson Hilda"/>
              </a:rPr>
              <a:t>Easier data fetching from multiple tables.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DF07C60E-6D65-4F20-8EDF-2565D66F23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96118" y="5359727"/>
            <a:ext cx="4140011" cy="11421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Star: 7 Points 7">
            <a:extLst>
              <a:ext uri="{FF2B5EF4-FFF2-40B4-BE49-F238E27FC236}">
                <a16:creationId xmlns:a16="http://schemas.microsoft.com/office/drawing/2014/main" id="{112D1EA2-16CD-4807-A23E-15B34C6F1D7F}"/>
              </a:ext>
            </a:extLst>
          </p:cNvPr>
          <p:cNvSpPr/>
          <p:nvPr/>
        </p:nvSpPr>
        <p:spPr>
          <a:xfrm>
            <a:off x="11579846" y="6167523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24569955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Database –Hibernate &amp; MySQL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1485876"/>
            <a:ext cx="10735451" cy="658834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Prerequisites:</a:t>
            </a:r>
            <a:endParaRPr lang="en-US">
              <a:solidFill>
                <a:srgbClr val="FFFF00"/>
              </a:solidFill>
              <a:latin typeface="Ericsson Hilda"/>
            </a:endParaRP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>
                <a:latin typeface="Ericsson Hilda"/>
              </a:rPr>
              <a:t> MySQL (or any other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database</a:t>
            </a:r>
            <a:r>
              <a:rPr lang="en-US" sz="2300">
                <a:latin typeface="Ericsson Hilda"/>
              </a:rPr>
              <a:t> you want to use)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needs to be installed </a:t>
            </a:r>
            <a:r>
              <a:rPr lang="en-US" sz="2300">
                <a:latin typeface="Ericsson Hilda"/>
              </a:rPr>
              <a:t>on your computer,</a:t>
            </a: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>
                <a:latin typeface="Ericsson Hilda"/>
              </a:rPr>
              <a:t> Under resources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there must be </a:t>
            </a:r>
            <a:r>
              <a:rPr lang="en-US" sz="2300" b="1" err="1">
                <a:solidFill>
                  <a:srgbClr val="FFFF00"/>
                </a:solidFill>
                <a:latin typeface="Ericsson Hilda"/>
              </a:rPr>
              <a:t>application.properties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 file defined</a:t>
            </a:r>
            <a:r>
              <a:rPr lang="en-US" sz="2300" b="1">
                <a:latin typeface="Ericsson Hilda"/>
              </a:rPr>
              <a:t>,</a:t>
            </a: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>
                <a:latin typeface="Ericsson Hilda"/>
              </a:rPr>
              <a:t> In properties file we define e.g., URL of database source, type of connector, credentials to access database,</a:t>
            </a: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 b="1">
                <a:latin typeface="Ericsson Hilda"/>
              </a:rPr>
              <a:t> 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Proper connector and hibernate </a:t>
            </a:r>
            <a:r>
              <a:rPr lang="en-US" sz="2300">
                <a:latin typeface="Ericsson Hilda"/>
              </a:rPr>
              <a:t>related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dependencies</a:t>
            </a:r>
            <a:r>
              <a:rPr lang="en-US" sz="2300">
                <a:latin typeface="Ericsson Hilda"/>
              </a:rPr>
              <a:t> must be present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in pom.xml</a:t>
            </a:r>
            <a:r>
              <a:rPr lang="en-US" sz="2300" b="1">
                <a:latin typeface="Ericsson Hilda"/>
              </a:rPr>
              <a:t>.</a:t>
            </a:r>
          </a:p>
          <a:p>
            <a:pPr lvl="1">
              <a:lnSpc>
                <a:spcPct val="150000"/>
              </a:lnSpc>
            </a:pPr>
            <a:endParaRPr lang="en-US" sz="2300">
              <a:latin typeface="Ericsson Hilda" panose="00000500000000000000" pitchFamily="2" charset="0"/>
            </a:endParaRP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3A20416-1F69-495B-80BB-C8D822FA67C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03598" y="5248170"/>
            <a:ext cx="4775011" cy="13255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07981498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Database –Hibernate &amp; MySQL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439169" y="1718617"/>
            <a:ext cx="9969456" cy="596221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Annotation for model classes:</a:t>
            </a:r>
            <a:endParaRPr lang="en-US">
              <a:solidFill>
                <a:srgbClr val="FFFF00"/>
              </a:solidFill>
              <a:latin typeface="Ericsson Hilda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 b="1">
                <a:latin typeface="Ericsson Hilda"/>
              </a:rPr>
              <a:t> All java classes </a:t>
            </a:r>
            <a:r>
              <a:rPr lang="en-US" sz="2300">
                <a:latin typeface="Ericsson Hilda"/>
              </a:rPr>
              <a:t>that shall be converted to tables </a:t>
            </a:r>
            <a:r>
              <a:rPr lang="en-US" sz="2300" b="1">
                <a:latin typeface="Ericsson Hilda"/>
              </a:rPr>
              <a:t>need to be annotated with</a:t>
            </a:r>
            <a:r>
              <a:rPr lang="en-US" sz="2300">
                <a:latin typeface="Ericsson Hilda"/>
              </a:rPr>
              <a:t>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Table</a:t>
            </a:r>
            <a:r>
              <a:rPr lang="en-US" sz="2300" b="1">
                <a:latin typeface="Ericsson Hilda"/>
              </a:rPr>
              <a:t>,</a:t>
            </a:r>
            <a:endParaRPr lang="en-US" sz="2300" b="1">
              <a:latin typeface="Ericsson Hilda"/>
              <a:ea typeface="+mn-lt"/>
              <a:cs typeface="+mn-lt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 b="1">
                <a:latin typeface="Ericsson Hilda"/>
              </a:rPr>
              <a:t> Java fields </a:t>
            </a:r>
            <a:r>
              <a:rPr lang="en-US" sz="2300">
                <a:latin typeface="Ericsson Hilda"/>
              </a:rPr>
              <a:t>of mapped classes </a:t>
            </a:r>
            <a:r>
              <a:rPr lang="en-US" sz="2300" b="1">
                <a:latin typeface="Ericsson Hilda"/>
              </a:rPr>
              <a:t>need to have annotation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Column</a:t>
            </a:r>
            <a:r>
              <a:rPr lang="en-US" sz="2300" b="1">
                <a:latin typeface="Ericsson Hilda"/>
              </a:rPr>
              <a:t>,</a:t>
            </a: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>
                <a:latin typeface="Ericsson Hilda"/>
              </a:rPr>
              <a:t> For Primary Key (PK) we can use autogenerated ID within annotations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Id</a:t>
            </a:r>
            <a:r>
              <a:rPr lang="en-US" sz="2300" b="1">
                <a:latin typeface="Ericsson Hilda"/>
              </a:rPr>
              <a:t> </a:t>
            </a:r>
            <a:r>
              <a:rPr lang="en-US" sz="2300">
                <a:latin typeface="Ericsson Hilda"/>
              </a:rPr>
              <a:t>and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GeneratedValue</a:t>
            </a:r>
            <a:r>
              <a:rPr lang="en-US" sz="2300" b="1">
                <a:latin typeface="Ericsson Hilda"/>
              </a:rPr>
              <a:t>,</a:t>
            </a:r>
            <a:endParaRPr lang="en-US" sz="2300">
              <a:latin typeface="Calibri" panose="020F0502020204030204"/>
              <a:cs typeface="Calibri" panose="020F0502020204030204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>
                <a:latin typeface="Ericsson Hilda"/>
              </a:rPr>
              <a:t> Relations between tables (FK) are annotated by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ManyToOne</a:t>
            </a:r>
            <a:r>
              <a:rPr lang="en-US" sz="2300" b="1">
                <a:latin typeface="Ericsson Hilda"/>
              </a:rPr>
              <a:t>,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OneToOne</a:t>
            </a:r>
            <a:r>
              <a:rPr lang="en-US" sz="2300" b="1">
                <a:latin typeface="Ericsson Hilda"/>
              </a:rPr>
              <a:t>,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OneToMany</a:t>
            </a:r>
            <a:r>
              <a:rPr lang="en-US" sz="2300" b="1">
                <a:latin typeface="Ericsson Hilda"/>
              </a:rPr>
              <a:t>,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ManyToMany</a:t>
            </a:r>
            <a:r>
              <a:rPr lang="en-US" sz="2300">
                <a:latin typeface="Ericsson Hilda"/>
              </a:rPr>
              <a:t> tags</a:t>
            </a:r>
            <a:r>
              <a:rPr lang="en-US" sz="2300" b="1">
                <a:latin typeface="Ericsson Hilda"/>
              </a:rPr>
              <a:t>.</a:t>
            </a:r>
            <a:endParaRPr lang="en-US" sz="2300">
              <a:ea typeface="+mn-lt"/>
              <a:cs typeface="+mn-lt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300">
              <a:latin typeface="Ericsson Hilda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300">
              <a:latin typeface="Ericsson Hilda" panose="00000500000000000000" pitchFamily="2" charset="0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8858903-F73C-49AB-A496-48D09A60800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01032" y="5391943"/>
            <a:ext cx="4775011" cy="1210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Star: 7 Points 6">
            <a:extLst>
              <a:ext uri="{FF2B5EF4-FFF2-40B4-BE49-F238E27FC236}">
                <a16:creationId xmlns:a16="http://schemas.microsoft.com/office/drawing/2014/main" id="{7B795710-60A2-4D68-ADEB-F314FF7811CF}"/>
              </a:ext>
            </a:extLst>
          </p:cNvPr>
          <p:cNvSpPr/>
          <p:nvPr/>
        </p:nvSpPr>
        <p:spPr>
          <a:xfrm>
            <a:off x="11579846" y="6167523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2573162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790065" cy="629562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MVC</a:t>
            </a:r>
            <a:endParaRPr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47FF956E-2C7F-43E0-B4D2-86180E811C0C}"/>
              </a:ext>
            </a:extLst>
          </p:cNvPr>
          <p:cNvSpPr txBox="1"/>
          <p:nvPr/>
        </p:nvSpPr>
        <p:spPr>
          <a:xfrm>
            <a:off x="453280" y="1124315"/>
            <a:ext cx="9829473" cy="198035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M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odel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V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iew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C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ontroller (MVC) </a:t>
            </a:r>
            <a:r>
              <a:rPr lang="en-US" sz="2500">
                <a:latin typeface="Ericsson Hilda"/>
              </a:rPr>
              <a:t>– design pattern that specifies that an application is split into model, presentation information and control information. It requires that each mentioned part is separated into different object.</a:t>
            </a:r>
            <a:endParaRPr lang="en-US" sz="2500" b="1">
              <a:latin typeface="Ericsson Hilda"/>
            </a:endParaRPr>
          </a:p>
        </p:txBody>
      </p:sp>
      <p:grpSp>
        <p:nvGrpSpPr>
          <p:cNvPr id="54" name="Group 53">
            <a:extLst>
              <a:ext uri="{FF2B5EF4-FFF2-40B4-BE49-F238E27FC236}">
                <a16:creationId xmlns:a16="http://schemas.microsoft.com/office/drawing/2014/main" id="{59284013-14E0-4C3A-A613-049182C6B5B6}"/>
              </a:ext>
            </a:extLst>
          </p:cNvPr>
          <p:cNvGrpSpPr/>
          <p:nvPr/>
        </p:nvGrpSpPr>
        <p:grpSpPr>
          <a:xfrm>
            <a:off x="3131047" y="3000637"/>
            <a:ext cx="6420022" cy="3728318"/>
            <a:chOff x="2552492" y="2845415"/>
            <a:chExt cx="6420022" cy="3728318"/>
          </a:xfrm>
        </p:grpSpPr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A13060D9-62E0-4BA9-85DA-727A27638918}"/>
                </a:ext>
              </a:extLst>
            </p:cNvPr>
            <p:cNvGrpSpPr/>
            <p:nvPr/>
          </p:nvGrpSpPr>
          <p:grpSpPr>
            <a:xfrm>
              <a:off x="2552492" y="2981974"/>
              <a:ext cx="6420022" cy="3591759"/>
              <a:chOff x="2931111" y="3013227"/>
              <a:chExt cx="6420022" cy="3591759"/>
            </a:xfrm>
          </p:grpSpPr>
          <p:sp>
            <p:nvSpPr>
              <p:cNvPr id="2" name="Oval 1">
                <a:extLst>
                  <a:ext uri="{FF2B5EF4-FFF2-40B4-BE49-F238E27FC236}">
                    <a16:creationId xmlns:a16="http://schemas.microsoft.com/office/drawing/2014/main" id="{A47CA527-D215-45B1-9F85-DA54597DF47C}"/>
                  </a:ext>
                </a:extLst>
              </p:cNvPr>
              <p:cNvSpPr/>
              <p:nvPr/>
            </p:nvSpPr>
            <p:spPr>
              <a:xfrm>
                <a:off x="7714589" y="5053612"/>
                <a:ext cx="1636544" cy="1551374"/>
              </a:xfrm>
              <a:prstGeom prst="ellipse">
                <a:avLst/>
              </a:prstGeom>
            </p:spPr>
            <p:style>
              <a:lnRef idx="2">
                <a:schemeClr val="accent5">
                  <a:shade val="50000"/>
                </a:schemeClr>
              </a:lnRef>
              <a:fillRef idx="1">
                <a:schemeClr val="accent5"/>
              </a:fillRef>
              <a:effectRef idx="0">
                <a:schemeClr val="accent5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b="1"/>
                  <a:t>Model</a:t>
                </a:r>
              </a:p>
              <a:p>
                <a:pPr algn="ctr"/>
                <a:r>
                  <a:rPr lang="en-US" sz="1500"/>
                  <a:t>[database]</a:t>
                </a:r>
              </a:p>
            </p:txBody>
          </p:sp>
          <p:sp>
            <p:nvSpPr>
              <p:cNvPr id="8" name="Oval 7">
                <a:extLst>
                  <a:ext uri="{FF2B5EF4-FFF2-40B4-BE49-F238E27FC236}">
                    <a16:creationId xmlns:a16="http://schemas.microsoft.com/office/drawing/2014/main" id="{4B9DFF70-A804-4B43-922C-E6ADA261894F}"/>
                  </a:ext>
                </a:extLst>
              </p:cNvPr>
              <p:cNvSpPr/>
              <p:nvPr/>
            </p:nvSpPr>
            <p:spPr>
              <a:xfrm>
                <a:off x="2931111" y="5053612"/>
                <a:ext cx="1636544" cy="1551374"/>
              </a:xfrm>
              <a:prstGeom prst="ellipse">
                <a:avLst/>
              </a:prstGeom>
            </p:spPr>
            <p:style>
              <a:lnRef idx="2">
                <a:schemeClr val="accent6">
                  <a:shade val="50000"/>
                </a:schemeClr>
              </a:lnRef>
              <a:fillRef idx="1">
                <a:schemeClr val="accent6"/>
              </a:fillRef>
              <a:effectRef idx="0">
                <a:schemeClr val="accent6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b="1"/>
                  <a:t>View</a:t>
                </a:r>
              </a:p>
              <a:p>
                <a:pPr algn="ctr"/>
                <a:r>
                  <a:rPr lang="en-US" sz="1500"/>
                  <a:t>[templates]</a:t>
                </a:r>
              </a:p>
            </p:txBody>
          </p:sp>
          <p:sp>
            <p:nvSpPr>
              <p:cNvPr id="9" name="Oval 8">
                <a:extLst>
                  <a:ext uri="{FF2B5EF4-FFF2-40B4-BE49-F238E27FC236}">
                    <a16:creationId xmlns:a16="http://schemas.microsoft.com/office/drawing/2014/main" id="{6039E791-DAF8-4255-9232-8ECA0479A1D6}"/>
                  </a:ext>
                </a:extLst>
              </p:cNvPr>
              <p:cNvSpPr/>
              <p:nvPr/>
            </p:nvSpPr>
            <p:spPr>
              <a:xfrm>
                <a:off x="5323549" y="3013227"/>
                <a:ext cx="1636544" cy="1480491"/>
              </a:xfrm>
              <a:prstGeom prst="ellipse">
                <a:avLst/>
              </a:prstGeom>
            </p:spPr>
            <p:style>
              <a:lnRef idx="2">
                <a:schemeClr val="accent4">
                  <a:shade val="50000"/>
                </a:schemeClr>
              </a:lnRef>
              <a:fillRef idx="1">
                <a:schemeClr val="accent4"/>
              </a:fillRef>
              <a:effectRef idx="0">
                <a:schemeClr val="accent4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b="1"/>
                  <a:t>Controller</a:t>
                </a:r>
              </a:p>
              <a:p>
                <a:pPr algn="ctr"/>
                <a:r>
                  <a:rPr lang="en-US" sz="1500"/>
                  <a:t>[supervision of requests]</a:t>
                </a:r>
              </a:p>
            </p:txBody>
          </p:sp>
        </p:grpSp>
        <p:cxnSp>
          <p:nvCxnSpPr>
            <p:cNvPr id="7" name="Connector: Elbow 6">
              <a:extLst>
                <a:ext uri="{FF2B5EF4-FFF2-40B4-BE49-F238E27FC236}">
                  <a16:creationId xmlns:a16="http://schemas.microsoft.com/office/drawing/2014/main" id="{3C386E95-0EA3-4838-BCE7-12C01FB3E489}"/>
                </a:ext>
              </a:extLst>
            </p:cNvPr>
            <p:cNvCxnSpPr>
              <a:stCxn id="9" idx="2"/>
              <a:endCxn id="8" idx="0"/>
            </p:cNvCxnSpPr>
            <p:nvPr/>
          </p:nvCxnSpPr>
          <p:spPr>
            <a:xfrm rot="10800000" flipV="1">
              <a:off x="3370764" y="3722219"/>
              <a:ext cx="1574166" cy="1300139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nector: Elbow 22">
              <a:extLst>
                <a:ext uri="{FF2B5EF4-FFF2-40B4-BE49-F238E27FC236}">
                  <a16:creationId xmlns:a16="http://schemas.microsoft.com/office/drawing/2014/main" id="{636CC137-CF38-405F-91C6-AAE30EEFDC92}"/>
                </a:ext>
              </a:extLst>
            </p:cNvPr>
            <p:cNvCxnSpPr>
              <a:cxnSpLocks/>
              <a:endCxn id="2" idx="0"/>
            </p:cNvCxnSpPr>
            <p:nvPr/>
          </p:nvCxnSpPr>
          <p:spPr>
            <a:xfrm>
              <a:off x="6580076" y="3722219"/>
              <a:ext cx="1574166" cy="1300140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CAD399AF-9676-4FB2-ABAE-16BABEFCC26E}"/>
                </a:ext>
              </a:extLst>
            </p:cNvPr>
            <p:cNvSpPr txBox="1"/>
            <p:nvPr/>
          </p:nvSpPr>
          <p:spPr>
            <a:xfrm>
              <a:off x="3660815" y="3393082"/>
              <a:ext cx="1056442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INITIATES</a:t>
              </a:r>
            </a:p>
            <a:p>
              <a:r>
                <a:rPr lang="en-US"/>
                <a:t>VIEW</a:t>
              </a:r>
            </a:p>
          </p:txBody>
        </p: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D2FC7DA9-9173-4BA5-947F-643400911197}"/>
                </a:ext>
              </a:extLst>
            </p:cNvPr>
            <p:cNvSpPr txBox="1"/>
            <p:nvPr/>
          </p:nvSpPr>
          <p:spPr>
            <a:xfrm>
              <a:off x="6722707" y="3393909"/>
              <a:ext cx="1251764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MODIFIES/UPDATES</a:t>
              </a:r>
            </a:p>
            <a:p>
              <a:r>
                <a:rPr lang="en-US"/>
                <a:t>DATA</a:t>
              </a:r>
            </a:p>
          </p:txBody>
        </p:sp>
        <p:cxnSp>
          <p:nvCxnSpPr>
            <p:cNvPr id="33" name="Straight Arrow Connector 32">
              <a:extLst>
                <a:ext uri="{FF2B5EF4-FFF2-40B4-BE49-F238E27FC236}">
                  <a16:creationId xmlns:a16="http://schemas.microsoft.com/office/drawing/2014/main" id="{6FCB66BD-EDF2-4D16-87D7-49C13ED8B762}"/>
                </a:ext>
              </a:extLst>
            </p:cNvPr>
            <p:cNvCxnSpPr>
              <a:cxnSpLocks/>
              <a:stCxn id="8" idx="6"/>
              <a:endCxn id="9" idx="3"/>
            </p:cNvCxnSpPr>
            <p:nvPr/>
          </p:nvCxnSpPr>
          <p:spPr>
            <a:xfrm flipV="1">
              <a:off x="4189036" y="4245652"/>
              <a:ext cx="995560" cy="1552394"/>
            </a:xfrm>
            <a:prstGeom prst="straightConnector1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0A80013E-0B72-416B-840D-728B4E755AB0}"/>
                </a:ext>
              </a:extLst>
            </p:cNvPr>
            <p:cNvSpPr txBox="1"/>
            <p:nvPr/>
          </p:nvSpPr>
          <p:spPr>
            <a:xfrm rot="18126954">
              <a:off x="4107495" y="4653533"/>
              <a:ext cx="1189779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UPDATES</a:t>
              </a:r>
            </a:p>
            <a:p>
              <a:r>
                <a:rPr lang="en-US"/>
                <a:t>DATA</a:t>
              </a:r>
            </a:p>
          </p:txBody>
        </p:sp>
        <p:cxnSp>
          <p:nvCxnSpPr>
            <p:cNvPr id="37" name="Straight Arrow Connector 36">
              <a:extLst>
                <a:ext uri="{FF2B5EF4-FFF2-40B4-BE49-F238E27FC236}">
                  <a16:creationId xmlns:a16="http://schemas.microsoft.com/office/drawing/2014/main" id="{F1B559EB-293F-4272-80F2-8242C6382CF1}"/>
                </a:ext>
              </a:extLst>
            </p:cNvPr>
            <p:cNvCxnSpPr>
              <a:cxnSpLocks/>
              <a:endCxn id="2" idx="2"/>
            </p:cNvCxnSpPr>
            <p:nvPr/>
          </p:nvCxnSpPr>
          <p:spPr>
            <a:xfrm>
              <a:off x="6340410" y="4301036"/>
              <a:ext cx="995560" cy="1497010"/>
            </a:xfrm>
            <a:prstGeom prst="straightConnector1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" name="TextBox 43">
              <a:extLst>
                <a:ext uri="{FF2B5EF4-FFF2-40B4-BE49-F238E27FC236}">
                  <a16:creationId xmlns:a16="http://schemas.microsoft.com/office/drawing/2014/main" id="{5D7E3D0A-4718-40BB-BA15-E5FC730E563B}"/>
                </a:ext>
              </a:extLst>
            </p:cNvPr>
            <p:cNvSpPr txBox="1"/>
            <p:nvPr/>
          </p:nvSpPr>
          <p:spPr>
            <a:xfrm rot="3293075">
              <a:off x="6110009" y="4528544"/>
              <a:ext cx="1056442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SETS DATA VIA SETTERS</a:t>
              </a:r>
            </a:p>
          </p:txBody>
        </p:sp>
        <p:cxnSp>
          <p:nvCxnSpPr>
            <p:cNvPr id="46" name="Connector: Elbow 45">
              <a:extLst>
                <a:ext uri="{FF2B5EF4-FFF2-40B4-BE49-F238E27FC236}">
                  <a16:creationId xmlns:a16="http://schemas.microsoft.com/office/drawing/2014/main" id="{87F72C7C-C917-4019-A90B-52B5BFE1D9AC}"/>
                </a:ext>
              </a:extLst>
            </p:cNvPr>
            <p:cNvCxnSpPr>
              <a:cxnSpLocks/>
              <a:stCxn id="9" idx="7"/>
              <a:endCxn id="2" idx="7"/>
            </p:cNvCxnSpPr>
            <p:nvPr/>
          </p:nvCxnSpPr>
          <p:spPr>
            <a:xfrm rot="16200000" flipH="1">
              <a:off x="6511945" y="3028649"/>
              <a:ext cx="2050765" cy="2391040"/>
            </a:xfrm>
            <a:prstGeom prst="bentConnector3">
              <a:avLst>
                <a:gd name="adj1" fmla="val -74"/>
              </a:avLst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9" name="TextBox 48">
              <a:extLst>
                <a:ext uri="{FF2B5EF4-FFF2-40B4-BE49-F238E27FC236}">
                  <a16:creationId xmlns:a16="http://schemas.microsoft.com/office/drawing/2014/main" id="{1EEF22A8-9352-4C28-B68A-6D01376938CB}"/>
                </a:ext>
              </a:extLst>
            </p:cNvPr>
            <p:cNvSpPr txBox="1"/>
            <p:nvPr/>
          </p:nvSpPr>
          <p:spPr>
            <a:xfrm>
              <a:off x="6966537" y="2845415"/>
              <a:ext cx="1251764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GETS DATA</a:t>
              </a:r>
            </a:p>
          </p:txBody>
        </p:sp>
        <p:cxnSp>
          <p:nvCxnSpPr>
            <p:cNvPr id="51" name="Connector: Elbow 50">
              <a:extLst>
                <a:ext uri="{FF2B5EF4-FFF2-40B4-BE49-F238E27FC236}">
                  <a16:creationId xmlns:a16="http://schemas.microsoft.com/office/drawing/2014/main" id="{28891754-0CA2-4220-8A19-F0D3E6A4D998}"/>
                </a:ext>
              </a:extLst>
            </p:cNvPr>
            <p:cNvCxnSpPr>
              <a:stCxn id="8" idx="1"/>
              <a:endCxn id="9" idx="1"/>
            </p:cNvCxnSpPr>
            <p:nvPr/>
          </p:nvCxnSpPr>
          <p:spPr>
            <a:xfrm rot="5400000" flipH="1" flipV="1">
              <a:off x="2962995" y="3027951"/>
              <a:ext cx="2050765" cy="2392438"/>
            </a:xfrm>
            <a:prstGeom prst="bentConnector3">
              <a:avLst>
                <a:gd name="adj1" fmla="val 100074"/>
              </a:avLst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3EAA28D5-C332-4A8E-B438-C588CBE82BDA}"/>
                </a:ext>
              </a:extLst>
            </p:cNvPr>
            <p:cNvSpPr txBox="1"/>
            <p:nvPr/>
          </p:nvSpPr>
          <p:spPr>
            <a:xfrm>
              <a:off x="2947179" y="2847845"/>
              <a:ext cx="1251764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GETS DATA</a:t>
              </a:r>
            </a:p>
          </p:txBody>
        </p:sp>
      </p:grpSp>
      <p:sp>
        <p:nvSpPr>
          <p:cNvPr id="5" name="Cloud 4">
            <a:extLst>
              <a:ext uri="{FF2B5EF4-FFF2-40B4-BE49-F238E27FC236}">
                <a16:creationId xmlns:a16="http://schemas.microsoft.com/office/drawing/2014/main" id="{FD20E76C-50B7-340A-52A4-206194D026E2}"/>
              </a:ext>
            </a:extLst>
          </p:cNvPr>
          <p:cNvSpPr/>
          <p:nvPr/>
        </p:nvSpPr>
        <p:spPr>
          <a:xfrm>
            <a:off x="11226448" y="6179025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8946590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Spring Boot vs Spring MVC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098" name="Picture 2" descr="Spring MVC Tutorial">
            <a:extLst>
              <a:ext uri="{FF2B5EF4-FFF2-40B4-BE49-F238E27FC236}">
                <a16:creationId xmlns:a16="http://schemas.microsoft.com/office/drawing/2014/main" id="{E8063952-2D4F-4148-9AB2-29AEF357A4B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4407" y="1719628"/>
            <a:ext cx="3194735" cy="17074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0" name="Picture 4" descr="Exploring Spring Boot :Beginners Level - Knoldus Blogs">
            <a:extLst>
              <a:ext uri="{FF2B5EF4-FFF2-40B4-BE49-F238E27FC236}">
                <a16:creationId xmlns:a16="http://schemas.microsoft.com/office/drawing/2014/main" id="{3546344B-CFDF-4D08-944F-E7858552858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85285" y="1710076"/>
            <a:ext cx="3041759" cy="17189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3A465236-6C3F-4954-9C2F-A3ECD73CC549}"/>
              </a:ext>
            </a:extLst>
          </p:cNvPr>
          <p:cNvSpPr txBox="1"/>
          <p:nvPr/>
        </p:nvSpPr>
        <p:spPr>
          <a:xfrm>
            <a:off x="-200203" y="3524435"/>
            <a:ext cx="5392503" cy="3141629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MVC pattern-based framework for building web applications,</a:t>
            </a:r>
            <a:endParaRPr lang="en-US">
              <a:solidFill>
                <a:srgbClr val="FFFF00"/>
              </a:solidFill>
            </a:endParaRP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Requires lots of configurations </a:t>
            </a:r>
            <a:r>
              <a:rPr lang="en-US" sz="2000">
                <a:latin typeface="Ericsson Hilda"/>
              </a:rPr>
              <a:t>– e.g., for </a:t>
            </a:r>
            <a:r>
              <a:rPr lang="en-US" sz="2000" err="1">
                <a:latin typeface="Ericsson Hilda"/>
              </a:rPr>
              <a:t>DispatcherServlet</a:t>
            </a:r>
            <a:r>
              <a:rPr lang="en-US" sz="2000">
                <a:latin typeface="Ericsson Hilda"/>
              </a:rPr>
              <a:t> and View Resolver,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Every dependency needs to be specified separately</a:t>
            </a:r>
            <a:r>
              <a:rPr lang="en-US" sz="2000">
                <a:latin typeface="Ericsson Hilda"/>
              </a:rPr>
              <a:t> for the features to run.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000">
              <a:latin typeface="Ericsson Hilda" panose="00000500000000000000" pitchFamily="2" charset="0"/>
            </a:endParaRP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000">
              <a:latin typeface="Ericsson Hilda" panose="00000500000000000000" pitchFamily="2" charset="0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60F15A7B-D294-4F18-BF2A-5EB9BB492A0B}"/>
              </a:ext>
            </a:extLst>
          </p:cNvPr>
          <p:cNvSpPr txBox="1"/>
          <p:nvPr/>
        </p:nvSpPr>
        <p:spPr>
          <a:xfrm>
            <a:off x="5344039" y="3524435"/>
            <a:ext cx="5871747" cy="3141629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Most widely used framework in the REST API development</a:t>
            </a:r>
            <a:r>
              <a:rPr lang="en-US" sz="2000">
                <a:solidFill>
                  <a:srgbClr val="00B0F0"/>
                </a:solidFill>
                <a:latin typeface="Ericsson Hilda"/>
              </a:rPr>
              <a:t> </a:t>
            </a:r>
            <a:r>
              <a:rPr lang="en-US" sz="2000">
                <a:latin typeface="Ericsson Hilda"/>
              </a:rPr>
              <a:t>field. Developed on top of conventional Spring framework. Used for stand-alone web spring applications,</a:t>
            </a:r>
            <a:endParaRPr lang="en-US"/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Auto-configuration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Concept of predefined app skeletons </a:t>
            </a:r>
            <a:r>
              <a:rPr lang="en-US" sz="2000">
                <a:latin typeface="Ericsson Hilda"/>
              </a:rPr>
              <a:t>– once it is added to the class path, all needed dependencies are brought for development.</a:t>
            </a: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8E38F0FE-BF63-56DA-DA43-1C5AF1DBCFE9}"/>
              </a:ext>
            </a:extLst>
          </p:cNvPr>
          <p:cNvSpPr/>
          <p:nvPr/>
        </p:nvSpPr>
        <p:spPr>
          <a:xfrm>
            <a:off x="11298334" y="6179025"/>
            <a:ext cx="647780" cy="493089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2316902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27502" y="199600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>
                <a:latin typeface="Ericsson Hilda Light"/>
              </a:rPr>
              <a:t>REST methods - overview</a:t>
            </a:r>
            <a:endParaRPr lang="en-US" sz="54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78273" y="1079869"/>
            <a:ext cx="10446050" cy="5442837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500" b="1">
                <a:solidFill>
                  <a:srgbClr val="FFFF00"/>
                </a:solidFill>
                <a:latin typeface="Ericsson Hilda"/>
              </a:rPr>
              <a:t>REST </a:t>
            </a:r>
            <a:r>
              <a:rPr lang="en-US" sz="2500">
                <a:latin typeface="Ericsson Hilda"/>
              </a:rPr>
              <a:t>(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Re</a:t>
            </a:r>
            <a:r>
              <a:rPr lang="en-US" sz="2500">
                <a:latin typeface="Ericsson Hilda"/>
              </a:rPr>
              <a:t>presentational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S</a:t>
            </a:r>
            <a:r>
              <a:rPr lang="en-US" sz="2500">
                <a:latin typeface="Ericsson Hilda"/>
              </a:rPr>
              <a:t>tate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T</a:t>
            </a:r>
            <a:r>
              <a:rPr lang="en-US" sz="2500">
                <a:latin typeface="Ericsson Hilda"/>
              </a:rPr>
              <a:t>ransfer) - an architectural style defining constraints to be used for web services. </a:t>
            </a:r>
            <a:endParaRPr lang="en-US" sz="2500">
              <a:latin typeface="Ericsson Hilda" panose="00000500000000000000" pitchFamily="2" charset="0"/>
            </a:endParaRPr>
          </a:p>
          <a:p>
            <a:endParaRPr lang="en-US" sz="2500" b="1">
              <a:solidFill>
                <a:srgbClr val="00B0F0"/>
              </a:solidFill>
              <a:latin typeface="Ericsson Hilda" panose="00000500000000000000" pitchFamily="2" charset="0"/>
            </a:endParaRPr>
          </a:p>
          <a:p>
            <a:endParaRPr lang="en-US" sz="2500" b="1">
              <a:solidFill>
                <a:srgbClr val="00B0F0"/>
              </a:solidFill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endParaRPr lang="en-US" sz="2500" b="1">
              <a:solidFill>
                <a:srgbClr val="00B0F0"/>
              </a:solidFill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REST principles</a:t>
            </a:r>
            <a:r>
              <a:rPr lang="en-US" sz="2500">
                <a:latin typeface="Ericsson Hilda"/>
              </a:rPr>
              <a:t>: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 Uniform interface,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 Client – server separation,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 Stateless,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 </a:t>
            </a:r>
            <a:r>
              <a:rPr lang="en-US" sz="2500" err="1">
                <a:latin typeface="Ericsson Hilda" panose="00000500000000000000" pitchFamily="2" charset="0"/>
              </a:rPr>
              <a:t>Cacheability</a:t>
            </a:r>
            <a:r>
              <a:rPr lang="en-US" sz="2500">
                <a:latin typeface="Ericsson Hilda" panose="00000500000000000000" pitchFamily="2" charset="0"/>
              </a:rPr>
              <a:t>,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 Layered system,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 Code on demand.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6F5283E7-B53C-4E0F-9E68-754AABD6E936}"/>
              </a:ext>
            </a:extLst>
          </p:cNvPr>
          <p:cNvSpPr txBox="1"/>
          <p:nvPr/>
        </p:nvSpPr>
        <p:spPr>
          <a:xfrm>
            <a:off x="434718" y="2392617"/>
            <a:ext cx="2175030" cy="477054"/>
          </a:xfrm>
          <a:prstGeom prst="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sz="2500">
                <a:latin typeface="Ericsson Hilda" panose="00000500000000000000" pitchFamily="2" charset="0"/>
              </a:rPr>
              <a:t>REST != HTTP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437307F4-B763-2E7D-D1B3-FFD4DB0BF86C}"/>
              </a:ext>
            </a:extLst>
          </p:cNvPr>
          <p:cNvSpPr/>
          <p:nvPr/>
        </p:nvSpPr>
        <p:spPr>
          <a:xfrm>
            <a:off x="11374011" y="6245135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9295466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6000" b="1">
                <a:latin typeface="Ericsson Hilda Light"/>
              </a:rPr>
              <a:t>REST methods - overview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439169" y="1785757"/>
            <a:ext cx="10714161" cy="464935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500">
                <a:latin typeface="Ericsson Hilda"/>
              </a:rPr>
              <a:t>Example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REST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methods</a:t>
            </a:r>
            <a:r>
              <a:rPr lang="en-US" sz="2500">
                <a:latin typeface="Ericsson Hilda"/>
              </a:rPr>
              <a:t>:</a:t>
            </a:r>
            <a:endParaRPr lang="en-US">
              <a:latin typeface="Ericsson Hilda"/>
            </a:endParaRPr>
          </a:p>
          <a:p>
            <a:pPr>
              <a:lnSpc>
                <a:spcPct val="150000"/>
              </a:lnSpc>
            </a:pPr>
            <a:endParaRPr lang="en-US" sz="2500">
              <a:solidFill>
                <a:srgbClr val="FFFFFF"/>
              </a:solidFill>
              <a:latin typeface="Ericsson Hilda"/>
            </a:endParaRP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 GET </a:t>
            </a:r>
            <a:r>
              <a:rPr lang="en-US" sz="2500" b="1">
                <a:latin typeface="Ericsson Hilda"/>
              </a:rPr>
              <a:t>– </a:t>
            </a:r>
            <a:r>
              <a:rPr lang="en-US" sz="2500">
                <a:latin typeface="Ericsson Hilda"/>
              </a:rPr>
              <a:t>fetch data from database – e.g., show details for certain book or search book by title,</a:t>
            </a:r>
            <a:endParaRPr lang="en-US" sz="2500" b="1">
              <a:latin typeface="Ericsson Hilda"/>
            </a:endParaRP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 POST </a:t>
            </a:r>
            <a:r>
              <a:rPr lang="en-US" sz="2500" b="1">
                <a:latin typeface="Ericsson Hilda"/>
              </a:rPr>
              <a:t>– </a:t>
            </a:r>
            <a:r>
              <a:rPr lang="en-US" sz="2500">
                <a:latin typeface="Ericsson Hilda"/>
              </a:rPr>
              <a:t>add new data to database – e.g., new book in library,</a:t>
            </a:r>
            <a:endParaRPr lang="en-US" sz="2500" b="1">
              <a:latin typeface="Ericsson Hilda"/>
            </a:endParaRP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 PUT </a:t>
            </a:r>
            <a:r>
              <a:rPr lang="en-US" sz="2500" b="1">
                <a:latin typeface="Ericsson Hilda"/>
              </a:rPr>
              <a:t>– </a:t>
            </a:r>
            <a:r>
              <a:rPr lang="en-US" sz="2500">
                <a:latin typeface="Ericsson Hilda"/>
              </a:rPr>
              <a:t>update information in database – e.g., edit data for certain library user,</a:t>
            </a:r>
            <a:endParaRPr lang="en-US" sz="2500" b="1">
              <a:latin typeface="Ericsson Hilda"/>
            </a:endParaRP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 DELETE </a:t>
            </a:r>
            <a:r>
              <a:rPr lang="en-US" sz="2500" b="1">
                <a:latin typeface="Ericsson Hilda"/>
              </a:rPr>
              <a:t>– </a:t>
            </a:r>
            <a:r>
              <a:rPr lang="en-US" sz="2500">
                <a:latin typeface="Ericsson Hilda"/>
              </a:rPr>
              <a:t>remove data from database – e.g., delete library user.</a:t>
            </a: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0ED8C76F-B6CA-4E6E-3D1C-C697007497DD}"/>
              </a:ext>
            </a:extLst>
          </p:cNvPr>
          <p:cNvSpPr/>
          <p:nvPr/>
        </p:nvSpPr>
        <p:spPr>
          <a:xfrm>
            <a:off x="11374011" y="6245135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9471179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198003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400" b="1">
                <a:latin typeface="Ericsson Hilda Light"/>
              </a:rPr>
              <a:t>REST URLs/Endpoints naming – Nouns,</a:t>
            </a:r>
            <a:endParaRPr lang="en-US" sz="4400">
              <a:cs typeface="Calibri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2067980"/>
            <a:ext cx="9825162" cy="47705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endParaRPr lang="en-US" sz="2500">
              <a:latin typeface="Ericsson Hilda" panose="00000500000000000000" pitchFamily="2" charset="0"/>
            </a:endParaRPr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C73CA138-ED97-40BC-0A94-EC6657FC764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81374580"/>
              </p:ext>
            </p:extLst>
          </p:nvPr>
        </p:nvGraphicFramePr>
        <p:xfrm>
          <a:off x="257643" y="1527508"/>
          <a:ext cx="11203233" cy="506821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691757">
                  <a:extLst>
                    <a:ext uri="{9D8B030D-6E8A-4147-A177-3AD203B41FA5}">
                      <a16:colId xmlns:a16="http://schemas.microsoft.com/office/drawing/2014/main" val="3736180816"/>
                    </a:ext>
                  </a:extLst>
                </a:gridCol>
                <a:gridCol w="1576504">
                  <a:extLst>
                    <a:ext uri="{9D8B030D-6E8A-4147-A177-3AD203B41FA5}">
                      <a16:colId xmlns:a16="http://schemas.microsoft.com/office/drawing/2014/main" val="683817503"/>
                    </a:ext>
                  </a:extLst>
                </a:gridCol>
                <a:gridCol w="5934972">
                  <a:extLst>
                    <a:ext uri="{9D8B030D-6E8A-4147-A177-3AD203B41FA5}">
                      <a16:colId xmlns:a16="http://schemas.microsoft.com/office/drawing/2014/main" val="3278323091"/>
                    </a:ext>
                  </a:extLst>
                </a:gridCol>
              </a:tblGrid>
              <a:tr h="422204">
                <a:tc>
                  <a:txBody>
                    <a:bodyPr/>
                    <a:lstStyle/>
                    <a:p>
                      <a:r>
                        <a:rPr lang="en-US" sz="1600"/>
                        <a:t>URL / ENDPOIN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HTTP METHO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AC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17260482"/>
                  </a:ext>
                </a:extLst>
              </a:tr>
              <a:tr h="422204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0070C0"/>
                          </a:solidFill>
                        </a:rPr>
                        <a:t>/</a:t>
                      </a:r>
                      <a:r>
                        <a:rPr lang="en-US" sz="1600" b="1" i="0" u="none" strike="noStrike" noProof="0">
                          <a:solidFill>
                            <a:srgbClr val="0070C0"/>
                          </a:solidFill>
                          <a:latin typeface="Calibri"/>
                        </a:rPr>
                        <a:t>users</a:t>
                      </a:r>
                      <a:endParaRPr lang="en-US" sz="1600" b="1">
                        <a:solidFill>
                          <a:srgbClr val="0070C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latin typeface="Calibri"/>
                        </a:rPr>
                        <a:t>GET </a:t>
                      </a:r>
                      <a:endParaRPr lang="en-US" sz="16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0" i="0" u="none" strike="noStrike" noProof="0">
                          <a:latin typeface="Calibri"/>
                        </a:rPr>
                        <a:t>List with 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many 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users,</a:t>
                      </a:r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8400323"/>
                  </a:ext>
                </a:extLst>
              </a:tr>
              <a:tr h="422204"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0070C0"/>
                          </a:solidFill>
                          <a:latin typeface="Calibri"/>
                        </a:rPr>
                        <a:t>/users    </a:t>
                      </a:r>
                      <a:endParaRPr lang="en-US" sz="1600">
                        <a:solidFill>
                          <a:srgbClr val="0070C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0070C0"/>
                          </a:solidFill>
                        </a:rPr>
                        <a:t>POS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0" i="0" u="none" strike="noStrike" noProof="0">
                          <a:latin typeface="Calibri"/>
                        </a:rPr>
                        <a:t>Adding 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new 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user, </a:t>
                      </a:r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99499486"/>
                  </a:ext>
                </a:extLst>
              </a:tr>
              <a:tr h="440560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0070C0"/>
                          </a:solidFill>
                        </a:rPr>
                        <a:t>/users/{id}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latin typeface="Calibri"/>
                        </a:rPr>
                        <a:t>GET </a:t>
                      </a:r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Details page for </a:t>
                      </a:r>
                      <a:r>
                        <a:rPr lang="en-US" sz="1600" b="1"/>
                        <a:t>one </a:t>
                      </a:r>
                      <a:r>
                        <a:rPr lang="en-US" sz="1600"/>
                        <a:t>user </a:t>
                      </a:r>
                      <a:r>
                        <a:rPr lang="en-US" sz="1600" b="1"/>
                        <a:t>having certain ID</a:t>
                      </a:r>
                      <a:r>
                        <a:rPr lang="en-US" sz="1600"/>
                        <a:t>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47039930"/>
                  </a:ext>
                </a:extLst>
              </a:tr>
              <a:tr h="570435"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0070C0"/>
                          </a:solidFill>
                          <a:latin typeface="Calibri"/>
                        </a:rPr>
                        <a:t>/users/{id}</a:t>
                      </a:r>
                      <a:endParaRPr lang="en-US" sz="1600" b="0" i="0" u="none" strike="noStrike" noProof="0">
                        <a:latin typeface="Calibri"/>
                      </a:endParaRPr>
                    </a:p>
                    <a:p>
                      <a:pPr lvl="0">
                        <a:buNone/>
                      </a:pPr>
                      <a:endParaRPr lang="en-US" sz="1600" b="1">
                        <a:solidFill>
                          <a:srgbClr val="0070C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00B050"/>
                          </a:solidFill>
                          <a:latin typeface="Calibri"/>
                        </a:rPr>
                        <a:t>P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/>
                        <a:t>Updating one </a:t>
                      </a:r>
                      <a:r>
                        <a:rPr lang="en-US" sz="1600" b="1"/>
                        <a:t>user </a:t>
                      </a:r>
                      <a:r>
                        <a:rPr lang="en-US" sz="1600"/>
                        <a:t>having certain ID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50071018"/>
                  </a:ext>
                </a:extLst>
              </a:tr>
              <a:tr h="440560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7030A0"/>
                          </a:solidFill>
                        </a:rPr>
                        <a:t>/boo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b="1"/>
                        <a:t>G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0" i="0" u="none" strike="noStrike" noProof="0">
                          <a:latin typeface="Calibri"/>
                        </a:rPr>
                        <a:t>List with 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many 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books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46041589"/>
                  </a:ext>
                </a:extLst>
              </a:tr>
              <a:tr h="422204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7030A0"/>
                          </a:solidFill>
                        </a:rPr>
                        <a:t>/boo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0070C0"/>
                          </a:solidFill>
                        </a:rPr>
                        <a:t>POS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0" i="0" u="none" strike="noStrike" noProof="0">
                          <a:latin typeface="Calibri"/>
                        </a:rPr>
                        <a:t>Adding 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new 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book, 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12562252"/>
                  </a:ext>
                </a:extLst>
              </a:tr>
              <a:tr h="403848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7030A0"/>
                          </a:solidFill>
                        </a:rPr>
                        <a:t>/books/{id}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b="1"/>
                        <a:t>G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0" i="0" u="none" strike="noStrike" noProof="0">
                          <a:latin typeface="Calibri"/>
                        </a:rPr>
                        <a:t>Details page for 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one 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book 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having certain ID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97123265"/>
                  </a:ext>
                </a:extLst>
              </a:tr>
              <a:tr h="570435"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7030A0"/>
                          </a:solidFill>
                          <a:latin typeface="Calibri"/>
                        </a:rPr>
                        <a:t>/books/{id}</a:t>
                      </a:r>
                      <a:endParaRPr lang="en-US" sz="1600" b="0" i="0" u="none" strike="noStrike" noProof="0">
                        <a:latin typeface="Calibri"/>
                      </a:endParaRPr>
                    </a:p>
                    <a:p>
                      <a:pPr lvl="0">
                        <a:buNone/>
                      </a:pPr>
                      <a:endParaRPr lang="en-US" sz="1600" b="1">
                        <a:solidFill>
                          <a:srgbClr val="7030A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00B050"/>
                          </a:solidFill>
                          <a:latin typeface="Calibri"/>
                        </a:rPr>
                        <a:t>PUT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0" i="0" u="none" strike="noStrike" noProof="0"/>
                        <a:t>Updating one </a:t>
                      </a:r>
                      <a:r>
                        <a:rPr lang="en-US" sz="1600" b="1" i="0" u="none" strike="noStrike" noProof="0"/>
                        <a:t>book </a:t>
                      </a:r>
                      <a:r>
                        <a:rPr lang="en-US" sz="1600" b="0" i="0" u="none" strike="noStrike" noProof="0"/>
                        <a:t>having certain ID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2817063"/>
                  </a:ext>
                </a:extLst>
              </a:tr>
              <a:tr h="422204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002060"/>
                          </a:solidFill>
                        </a:rPr>
                        <a:t>/rented-boo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b="1"/>
                        <a:t>G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List with </a:t>
                      </a:r>
                      <a:r>
                        <a:rPr lang="en-US" sz="1600" b="1"/>
                        <a:t>many </a:t>
                      </a:r>
                      <a:r>
                        <a:rPr lang="en-US" sz="1600"/>
                        <a:t>books </a:t>
                      </a:r>
                      <a:r>
                        <a:rPr lang="en-US" sz="1600" b="1"/>
                        <a:t>that are rented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08730067"/>
                  </a:ext>
                </a:extLst>
              </a:tr>
              <a:tr h="513988"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002060"/>
                          </a:solidFill>
                          <a:latin typeface="Calibri"/>
                        </a:rPr>
                        <a:t>/books-rented-by-user/{</a:t>
                      </a:r>
                      <a:r>
                        <a:rPr lang="en-US" sz="1600" b="1" i="0" u="none" strike="noStrike" noProof="0" err="1">
                          <a:solidFill>
                            <a:srgbClr val="002060"/>
                          </a:solidFill>
                          <a:latin typeface="Calibri"/>
                        </a:rPr>
                        <a:t>userId</a:t>
                      </a:r>
                      <a:r>
                        <a:rPr lang="en-US" sz="1600" b="1" i="0" u="none" strike="noStrike" noProof="0">
                          <a:solidFill>
                            <a:srgbClr val="002060"/>
                          </a:solidFill>
                          <a:latin typeface="Calibri"/>
                        </a:rPr>
                        <a:t>}</a:t>
                      </a:r>
                      <a:endParaRPr lang="en-US" sz="1600" b="1">
                        <a:solidFill>
                          <a:srgbClr val="00206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latin typeface="Calibri"/>
                        </a:rPr>
                        <a:t>GET</a:t>
                      </a:r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/>
                        <a:t>List with </a:t>
                      </a:r>
                      <a:r>
                        <a:rPr lang="en-US" sz="1600" b="1"/>
                        <a:t>many </a:t>
                      </a:r>
                      <a:r>
                        <a:rPr lang="en-US" sz="1600" b="0"/>
                        <a:t>books </a:t>
                      </a:r>
                      <a:r>
                        <a:rPr lang="en-US" sz="1600" b="1"/>
                        <a:t>rented by certain user</a:t>
                      </a:r>
                      <a:r>
                        <a:rPr lang="en-US" sz="1600" b="0"/>
                        <a:t> (user has certain </a:t>
                      </a:r>
                      <a:r>
                        <a:rPr lang="en-US" sz="1600" b="0" err="1"/>
                        <a:t>userId</a:t>
                      </a:r>
                      <a:r>
                        <a:rPr lang="en-US" sz="1600" b="0"/>
                        <a:t>)</a:t>
                      </a:r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34086306"/>
                  </a:ext>
                </a:extLst>
              </a:tr>
            </a:tbl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F11DFB20-4B57-45E0-2B99-0FC36DFB03EC}"/>
              </a:ext>
            </a:extLst>
          </p:cNvPr>
          <p:cNvSpPr txBox="1"/>
          <p:nvPr/>
        </p:nvSpPr>
        <p:spPr>
          <a:xfrm>
            <a:off x="299656" y="903413"/>
            <a:ext cx="11176633" cy="86177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500">
                <a:ea typeface="+mn-lt"/>
                <a:cs typeface="+mn-lt"/>
              </a:rPr>
              <a:t>Our application is NOT fully RESTFUL, but we follow the guidelines to some extent:</a:t>
            </a:r>
            <a:endParaRPr lang="en-US"/>
          </a:p>
          <a:p>
            <a:endParaRPr lang="en-US" sz="2500">
              <a:latin typeface="Ericsson Hilda" panose="00000500000000000000" pitchFamily="2" charset="0"/>
            </a:endParaRPr>
          </a:p>
        </p:txBody>
      </p:sp>
      <p:sp>
        <p:nvSpPr>
          <p:cNvPr id="5" name="Cloud 4">
            <a:extLst>
              <a:ext uri="{FF2B5EF4-FFF2-40B4-BE49-F238E27FC236}">
                <a16:creationId xmlns:a16="http://schemas.microsoft.com/office/drawing/2014/main" id="{361673EC-CF36-61B5-C68C-B4DAD9414898}"/>
              </a:ext>
            </a:extLst>
          </p:cNvPr>
          <p:cNvSpPr/>
          <p:nvPr/>
        </p:nvSpPr>
        <p:spPr>
          <a:xfrm>
            <a:off x="11374011" y="6245135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28259242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Spring security in backend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27668" y="1613597"/>
            <a:ext cx="9825162" cy="442044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Spring Security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is a framework that supports authentication / authorization / access-control. </a:t>
            </a: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>
                <a:latin typeface="Ericsson Hilda"/>
              </a:rPr>
              <a:t>Authorization is any mechanism by which a system grants or revokes the right to perform some action or access some data.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endParaRPr lang="en-US" sz="2500">
              <a:solidFill>
                <a:srgbClr val="FFFFFF"/>
              </a:solidFill>
              <a:latin typeface="Ericsson Hilda"/>
            </a:endParaRPr>
          </a:p>
          <a:p>
            <a:r>
              <a:rPr lang="en-US" sz="2500" b="1">
                <a:solidFill>
                  <a:srgbClr val="FFFF00"/>
                </a:solidFill>
                <a:latin typeface="Ericsson Hilda"/>
              </a:rPr>
              <a:t>Authentication – who are you?</a:t>
            </a:r>
          </a:p>
          <a:p>
            <a:endParaRPr lang="en-US" sz="2500">
              <a:solidFill>
                <a:srgbClr val="FFFF00"/>
              </a:solidFill>
              <a:latin typeface="Ericsson Hilda" panose="00000500000000000000" pitchFamily="2" charset="0"/>
            </a:endParaRPr>
          </a:p>
          <a:p>
            <a:r>
              <a:rPr lang="en-US" sz="2500" b="1">
                <a:solidFill>
                  <a:srgbClr val="FFFF00"/>
                </a:solidFill>
                <a:latin typeface="Ericsson Hilda"/>
              </a:rPr>
              <a:t>Authorization – what are you allowed to do?</a:t>
            </a:r>
          </a:p>
        </p:txBody>
      </p:sp>
      <p:sp>
        <p:nvSpPr>
          <p:cNvPr id="7" name="Star: 7 Points 6">
            <a:extLst>
              <a:ext uri="{FF2B5EF4-FFF2-40B4-BE49-F238E27FC236}">
                <a16:creationId xmlns:a16="http://schemas.microsoft.com/office/drawing/2014/main" id="{43A99635-BE45-4717-9FB3-ADFC81824FE8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13985370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5400" b="1">
                <a:latin typeface="Ericsson Hilda Light"/>
              </a:rPr>
              <a:t>Spring security in backend</a:t>
            </a:r>
            <a:endParaRPr lang="en-US" sz="54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9F996D1-D8CA-48A2-B1C7-D73959D0F1A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510204" y="1211842"/>
            <a:ext cx="8914733" cy="5557948"/>
          </a:xfrm>
          <a:prstGeom prst="rect">
            <a:avLst/>
          </a:prstGeom>
        </p:spPr>
      </p:pic>
      <p:sp>
        <p:nvSpPr>
          <p:cNvPr id="7" name="Star: 7 Points 6">
            <a:extLst>
              <a:ext uri="{FF2B5EF4-FFF2-40B4-BE49-F238E27FC236}">
                <a16:creationId xmlns:a16="http://schemas.microsoft.com/office/drawing/2014/main" id="{E0CF9778-FD4F-4C99-810F-A99C64C1763C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3802619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2" name="Picture 41" descr="Close-up of stacked books">
            <a:extLst>
              <a:ext uri="{FF2B5EF4-FFF2-40B4-BE49-F238E27FC236}">
                <a16:creationId xmlns:a16="http://schemas.microsoft.com/office/drawing/2014/main" id="{B81940C5-934E-4001-A3E3-1EAB45EE784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329931" y="156993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User Roles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8041B5AA-DF72-BE46-0CC4-7D7535244CFD}"/>
              </a:ext>
            </a:extLst>
          </p:cNvPr>
          <p:cNvGrpSpPr/>
          <p:nvPr/>
        </p:nvGrpSpPr>
        <p:grpSpPr>
          <a:xfrm>
            <a:off x="1581567" y="1148220"/>
            <a:ext cx="2221422" cy="5606449"/>
            <a:chOff x="2127907" y="1018824"/>
            <a:chExt cx="2221422" cy="5606449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4C1A252A-149B-FF9B-7B53-10F2A1AF0A66}"/>
                </a:ext>
              </a:extLst>
            </p:cNvPr>
            <p:cNvSpPr txBox="1"/>
            <p:nvPr/>
          </p:nvSpPr>
          <p:spPr>
            <a:xfrm>
              <a:off x="2127907" y="6087754"/>
              <a:ext cx="2221422" cy="53751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ian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7" name="Picture 2" descr="Icon&#10;&#10;Description automatically generated">
              <a:extLst>
                <a:ext uri="{FF2B5EF4-FFF2-40B4-BE49-F238E27FC236}">
                  <a16:creationId xmlns:a16="http://schemas.microsoft.com/office/drawing/2014/main" id="{AF378E94-B71C-293F-6211-34DD1989638A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2208228" y="1018824"/>
              <a:ext cx="1948653" cy="4873160"/>
            </a:xfrm>
            <a:prstGeom prst="rect">
              <a:avLst/>
            </a:prstGeom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26FB2E20-5CFB-8A84-3D3D-64F47DE33FDC}"/>
              </a:ext>
            </a:extLst>
          </p:cNvPr>
          <p:cNvGrpSpPr/>
          <p:nvPr/>
        </p:nvGrpSpPr>
        <p:grpSpPr>
          <a:xfrm>
            <a:off x="4660026" y="1315422"/>
            <a:ext cx="2420924" cy="5543905"/>
            <a:chOff x="2491708" y="1213449"/>
            <a:chExt cx="2420924" cy="5543905"/>
          </a:xfrm>
        </p:grpSpPr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47CA779B-FB37-4B3A-A0B7-F43D4BC1E31D}"/>
                </a:ext>
              </a:extLst>
            </p:cNvPr>
            <p:cNvSpPr txBox="1"/>
            <p:nvPr/>
          </p:nvSpPr>
          <p:spPr>
            <a:xfrm>
              <a:off x="2647267" y="6145733"/>
              <a:ext cx="2120781" cy="6116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Reader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2" name="Picture 5" descr="Icon&#10;&#10;Description automatically generated">
              <a:extLst>
                <a:ext uri="{FF2B5EF4-FFF2-40B4-BE49-F238E27FC236}">
                  <a16:creationId xmlns:a16="http://schemas.microsoft.com/office/drawing/2014/main" id="{2BF5DDC9-A3EE-3E04-62F1-8E7073831E9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2491708" y="1213449"/>
              <a:ext cx="2420924" cy="4833667"/>
            </a:xfrm>
            <a:prstGeom prst="rect">
              <a:avLst/>
            </a:prstGeom>
          </p:spPr>
        </p:pic>
      </p:grpSp>
      <p:sp>
        <p:nvSpPr>
          <p:cNvPr id="11" name="Star: 7 Points 10">
            <a:extLst>
              <a:ext uri="{FF2B5EF4-FFF2-40B4-BE49-F238E27FC236}">
                <a16:creationId xmlns:a16="http://schemas.microsoft.com/office/drawing/2014/main" id="{7861135A-AFA6-4C27-8397-A9D871C6A6A3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36163950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170259" y="39852"/>
            <a:ext cx="8072171" cy="638083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600" b="1">
                <a:latin typeface="Ericsson Hilda Light"/>
              </a:rPr>
              <a:t>Spring Security </a:t>
            </a:r>
            <a:endParaRPr lang="en-US" sz="4600">
              <a:cs typeface="Calibri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5" name="Picture 5" descr="Text, letter&#10;&#10;Description automatically generated">
            <a:extLst>
              <a:ext uri="{FF2B5EF4-FFF2-40B4-BE49-F238E27FC236}">
                <a16:creationId xmlns:a16="http://schemas.microsoft.com/office/drawing/2014/main" id="{570F9402-CD0A-C426-0DF8-64CA7D04025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66779" y="831050"/>
            <a:ext cx="11225840" cy="5886014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11C35B49-F215-4517-82F5-13D2A0164A27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5326131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Spring security in backend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A822F4D4-57DD-456B-A792-E1229F0A91E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11605" y="1403857"/>
            <a:ext cx="6154860" cy="5169876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FC5AE6A3-37F6-429B-8CF4-37EA0D1BF7F5}"/>
              </a:ext>
            </a:extLst>
          </p:cNvPr>
          <p:cNvSpPr txBox="1"/>
          <p:nvPr/>
        </p:nvSpPr>
        <p:spPr>
          <a:xfrm>
            <a:off x="6680152" y="1908802"/>
            <a:ext cx="5040199" cy="101854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Only users with Librarian role 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can access this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 .</a:t>
            </a:r>
            <a:endParaRPr lang="en-US">
              <a:solidFill>
                <a:srgbClr val="FFFF00"/>
              </a:solidFill>
              <a:cs typeface="Calibri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3BD5D2F-C6D8-4537-A146-520F33C0A7A2}"/>
              </a:ext>
            </a:extLst>
          </p:cNvPr>
          <p:cNvSpPr txBox="1"/>
          <p:nvPr/>
        </p:nvSpPr>
        <p:spPr>
          <a:xfrm>
            <a:off x="6680152" y="3315183"/>
            <a:ext cx="5353697" cy="198035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latin typeface="Ericsson Hilda"/>
              </a:rPr>
              <a:t>Users with Reader role </a:t>
            </a:r>
            <a:r>
              <a:rPr lang="en-US" sz="2500">
                <a:latin typeface="Ericsson Hilda"/>
              </a:rPr>
              <a:t>can access this</a:t>
            </a:r>
            <a:r>
              <a:rPr lang="en-US" sz="2500" b="1"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(but in our application each Librarian has both roles – this is up to your config).</a:t>
            </a:r>
            <a:endParaRPr lang="en-US">
              <a:latin typeface="Ericsson Hilda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89A964BF-B673-42C1-B1D8-843D9A4A8EC1}"/>
              </a:ext>
            </a:extLst>
          </p:cNvPr>
          <p:cNvSpPr txBox="1"/>
          <p:nvPr/>
        </p:nvSpPr>
        <p:spPr>
          <a:xfrm>
            <a:off x="6723284" y="5704442"/>
            <a:ext cx="5353697" cy="86177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500" b="1">
                <a:solidFill>
                  <a:srgbClr val="FFFF00"/>
                </a:solidFill>
                <a:latin typeface="Ericsson Hilda"/>
              </a:rPr>
              <a:t>All users 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should be able to reach login page.</a:t>
            </a:r>
          </a:p>
        </p:txBody>
      </p:sp>
      <p:sp>
        <p:nvSpPr>
          <p:cNvPr id="14" name="Star: 7 Points 13">
            <a:extLst>
              <a:ext uri="{FF2B5EF4-FFF2-40B4-BE49-F238E27FC236}">
                <a16:creationId xmlns:a16="http://schemas.microsoft.com/office/drawing/2014/main" id="{693414BC-39A2-47B1-9F6A-4D01408D2339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46479200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3178738" y="3653546"/>
            <a:ext cx="5939555" cy="996450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>
              <a:defRPr/>
            </a:pPr>
            <a:r>
              <a:rPr lang="en-US" sz="5400" b="1" dirty="0">
                <a:latin typeface="Ericsson Hilda Light"/>
              </a:rPr>
              <a:t>Database &amp; Model</a:t>
            </a:r>
            <a:endParaRPr lang="en-US"/>
          </a:p>
          <a:p>
            <a:pPr algn="ctr">
              <a:defRPr/>
            </a:pPr>
            <a:r>
              <a:rPr lang="en-US" sz="5400" b="1" dirty="0">
                <a:latin typeface="Ericsson Hilda Light"/>
              </a:rPr>
              <a:t>Controllers</a:t>
            </a:r>
            <a:endParaRPr lang="en-US" dirty="0">
              <a:cs typeface="Calibri Light" panose="020F0302020204030204"/>
            </a:endParaRPr>
          </a:p>
          <a:p>
            <a:pPr algn="ctr">
              <a:defRPr/>
            </a:pPr>
            <a:r>
              <a:rPr lang="en-US" sz="5400" b="1" dirty="0" err="1">
                <a:latin typeface="Ericsson Hilda Light"/>
              </a:rPr>
              <a:t>Thymeleaf</a:t>
            </a:r>
            <a:r>
              <a:rPr lang="en-US" sz="5400" b="1" dirty="0">
                <a:latin typeface="Ericsson Hilda Light"/>
              </a:rPr>
              <a:t> (VIEW)</a:t>
            </a:r>
            <a:endParaRPr lang="en-US" sz="5400" dirty="0">
              <a:ea typeface="+mj-lt"/>
              <a:cs typeface="+mj-lt"/>
            </a:endParaRPr>
          </a:p>
          <a:p>
            <a:pPr algn="ctr">
              <a:defRPr/>
            </a:pPr>
            <a:endParaRPr lang="en-US" sz="5400" b="1" dirty="0"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" name="Title 7">
            <a:extLst>
              <a:ext uri="{FF2B5EF4-FFF2-40B4-BE49-F238E27FC236}">
                <a16:creationId xmlns:a16="http://schemas.microsoft.com/office/drawing/2014/main" id="{811BCDE6-2B83-2D65-DD50-2CC8D1C67B33}"/>
              </a:ext>
            </a:extLst>
          </p:cNvPr>
          <p:cNvSpPr txBox="1">
            <a:spLocks/>
          </p:cNvSpPr>
          <p:nvPr/>
        </p:nvSpPr>
        <p:spPr>
          <a:xfrm>
            <a:off x="3228015" y="2487065"/>
            <a:ext cx="6065732" cy="72833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solidFill>
                  <a:srgbClr val="FFFF00"/>
                </a:solidFill>
                <a:latin typeface="Ericsson Hilda Light"/>
              </a:rPr>
              <a:t>&lt;&lt; IT ' S SHOWTIME &gt;&gt;</a:t>
            </a:r>
            <a:endParaRPr lang="en-US" sz="4800">
              <a:solidFill>
                <a:srgbClr val="FFFF00"/>
              </a:solidFill>
              <a:cs typeface="Calibri Light"/>
            </a:endParaRPr>
          </a:p>
        </p:txBody>
      </p:sp>
      <p:sp>
        <p:nvSpPr>
          <p:cNvPr id="7" name="Cloud 6">
            <a:extLst>
              <a:ext uri="{FF2B5EF4-FFF2-40B4-BE49-F238E27FC236}">
                <a16:creationId xmlns:a16="http://schemas.microsoft.com/office/drawing/2014/main" id="{C2202B02-D953-4FBC-AD2A-B04A3FB67BA4}"/>
              </a:ext>
            </a:extLst>
          </p:cNvPr>
          <p:cNvSpPr/>
          <p:nvPr/>
        </p:nvSpPr>
        <p:spPr>
          <a:xfrm>
            <a:off x="11261122" y="6160468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51465430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1115125" y="2928930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View - Frontend</a:t>
            </a:r>
          </a:p>
          <a:p>
            <a:pPr algn="ctr"/>
            <a:endParaRPr lang="en-GB">
              <a:solidFill>
                <a:schemeClr val="tx1"/>
              </a:solidFill>
              <a:latin typeface="Ericsson Hilda" panose="00000500000000000000" pitchFamily="2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9877B0C-ABA1-4A89-B485-08E2DF54E5F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778789" y="2759707"/>
            <a:ext cx="944889" cy="1162940"/>
          </a:xfrm>
          <a:prstGeom prst="rect">
            <a:avLst/>
          </a:prstGeom>
        </p:spPr>
      </p:pic>
      <p:sp>
        <p:nvSpPr>
          <p:cNvPr id="6" name="Cloud 5">
            <a:extLst>
              <a:ext uri="{FF2B5EF4-FFF2-40B4-BE49-F238E27FC236}">
                <a16:creationId xmlns:a16="http://schemas.microsoft.com/office/drawing/2014/main" id="{B0FF4054-F307-46AF-8276-2D51D029E493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45043821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A733155C-3D7B-4E23-8ACF-310406D8DE6B}"/>
              </a:ext>
            </a:extLst>
          </p:cNvPr>
          <p:cNvSpPr txBox="1">
            <a:spLocks/>
          </p:cNvSpPr>
          <p:nvPr/>
        </p:nvSpPr>
        <p:spPr>
          <a:xfrm>
            <a:off x="330661" y="0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>
                <a:latin typeface="Ericsson Hilda ExtraBold" panose="00000900000000000000" pitchFamily="2" charset="0"/>
              </a:rPr>
              <a:t>Technologies used for frontend </a:t>
            </a:r>
          </a:p>
        </p:txBody>
      </p:sp>
      <p:pic>
        <p:nvPicPr>
          <p:cNvPr id="32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95569775-DF44-40F9-B9B4-B73FB937EA3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2050" name="Picture 2" descr="Download - Thymeleaf">
            <a:extLst>
              <a:ext uri="{FF2B5EF4-FFF2-40B4-BE49-F238E27FC236}">
                <a16:creationId xmlns:a16="http://schemas.microsoft.com/office/drawing/2014/main" id="{CF25A878-EE1B-4B5C-A275-FEC63D76912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64740" y="4947402"/>
            <a:ext cx="5082898" cy="10733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>
            <a:extLst>
              <a:ext uri="{FF2B5EF4-FFF2-40B4-BE49-F238E27FC236}">
                <a16:creationId xmlns:a16="http://schemas.microsoft.com/office/drawing/2014/main" id="{DFB993E0-2B1E-42A5-B97D-CD16B0A8AB6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0552" y="4538185"/>
            <a:ext cx="3714206" cy="20865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jQuery Logo PNG Transparent &amp; SVG Vector - Freebie Supply">
            <a:extLst>
              <a:ext uri="{FF2B5EF4-FFF2-40B4-BE49-F238E27FC236}">
                <a16:creationId xmlns:a16="http://schemas.microsoft.com/office/drawing/2014/main" id="{E00FAF90-138E-4ACB-BCAA-6475D49A7E2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39681" y="674237"/>
            <a:ext cx="4575099" cy="35940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2" name="Picture 2" descr="Html 5 - Free brands and logotypes icons">
            <a:extLst>
              <a:ext uri="{FF2B5EF4-FFF2-40B4-BE49-F238E27FC236}">
                <a16:creationId xmlns:a16="http://schemas.microsoft.com/office/drawing/2014/main" id="{90B4F3F4-BCDF-449F-81C1-FF6FAE9CE0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97778" y="2821611"/>
            <a:ext cx="2001842" cy="19874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4" name="Picture 4" descr="Css 3 - Free technology icons">
            <a:extLst>
              <a:ext uri="{FF2B5EF4-FFF2-40B4-BE49-F238E27FC236}">
                <a16:creationId xmlns:a16="http://schemas.microsoft.com/office/drawing/2014/main" id="{EFCBDBD6-5442-4F83-B017-11C886F86E9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3393" y="1725044"/>
            <a:ext cx="2059351" cy="20881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Cloud 8">
            <a:extLst>
              <a:ext uri="{FF2B5EF4-FFF2-40B4-BE49-F238E27FC236}">
                <a16:creationId xmlns:a16="http://schemas.microsoft.com/office/drawing/2014/main" id="{7E3ED9F1-5DE4-4836-BF12-A3A628B58D36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23220155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Thymeleaf – what is it?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83946" y="1407658"/>
            <a:ext cx="11166450" cy="5154296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00B0F0"/>
                </a:solidFill>
                <a:latin typeface="Ericsson Hilda"/>
              </a:rPr>
              <a:t>                                        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open-source server-side</a:t>
            </a:r>
            <a:r>
              <a:rPr lang="en-US" sz="2500" b="1">
                <a:latin typeface="Ericsson Hilda"/>
              </a:rPr>
              <a:t> Java template engine for</a:t>
            </a:r>
            <a:r>
              <a:rPr lang="en-US" sz="2500">
                <a:latin typeface="Ericsson Hilda"/>
              </a:rPr>
              <a:t> both </a:t>
            </a:r>
            <a:r>
              <a:rPr lang="en-US" sz="2500" b="1">
                <a:latin typeface="Ericsson Hilda"/>
              </a:rPr>
              <a:t>web and standalone environment</a:t>
            </a:r>
            <a:r>
              <a:rPr lang="en-US" sz="2500">
                <a:latin typeface="Ericsson Hilda"/>
              </a:rPr>
              <a:t>. It processes and creates HTML, XML, JavaScript, CSS and text. It provides full integration with Spring Framework. </a:t>
            </a:r>
            <a:endParaRPr lang="en-US"/>
          </a:p>
          <a:p>
            <a:pPr>
              <a:lnSpc>
                <a:spcPct val="125000"/>
              </a:lnSpc>
            </a:pPr>
            <a:endParaRPr lang="en-US" sz="2500">
              <a:latin typeface="Ericsson Hilda" panose="00000500000000000000" pitchFamily="2" charset="0"/>
            </a:endParaRPr>
          </a:p>
          <a:p>
            <a:r>
              <a:rPr lang="en-US" sz="2500" b="1" err="1">
                <a:solidFill>
                  <a:srgbClr val="FFFF00"/>
                </a:solidFill>
                <a:ea typeface="+mn-lt"/>
                <a:cs typeface="+mn-lt"/>
              </a:rPr>
              <a:t>Thymeleaf</a:t>
            </a:r>
            <a:r>
              <a:rPr lang="en-US" sz="2500" b="1">
                <a:solidFill>
                  <a:srgbClr val="FFFF00"/>
                </a:solidFill>
                <a:ea typeface="+mn-lt"/>
                <a:cs typeface="+mn-lt"/>
              </a:rPr>
              <a:t> templates look similar to normal HTML format </a:t>
            </a:r>
            <a:r>
              <a:rPr lang="en-US" sz="2500">
                <a:ea typeface="+mn-lt"/>
                <a:cs typeface="+mn-lt"/>
              </a:rPr>
              <a:t>(much more similar than for example older JSP)</a:t>
            </a:r>
            <a:endParaRPr lang="en-US"/>
          </a:p>
          <a:p>
            <a:pPr>
              <a:lnSpc>
                <a:spcPct val="125000"/>
              </a:lnSpc>
            </a:pP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 b="1">
                <a:latin typeface="Ericsson Hilda"/>
              </a:rPr>
              <a:t>It is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 compatible with HTML</a:t>
            </a:r>
            <a:r>
              <a:rPr lang="en-US" sz="2500" b="1">
                <a:solidFill>
                  <a:srgbClr val="00B0F0"/>
                </a:solidFill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and </a:t>
            </a:r>
            <a:r>
              <a:rPr lang="en-US" sz="2500" b="1">
                <a:latin typeface="Ericsson Hilda"/>
              </a:rPr>
              <a:t>supports</a:t>
            </a:r>
            <a:r>
              <a:rPr lang="en-US" sz="2500">
                <a:latin typeface="Ericsson Hilda"/>
              </a:rPr>
              <a:t>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variable expressions </a:t>
            </a:r>
            <a:r>
              <a:rPr lang="en-US" sz="2500">
                <a:latin typeface="Ericsson Hilda"/>
              </a:rPr>
              <a:t>(</a:t>
            </a:r>
            <a:r>
              <a:rPr lang="en-US" sz="2500">
                <a:solidFill>
                  <a:srgbClr val="00B0F0"/>
                </a:solidFill>
                <a:latin typeface="Ericsson Hilda"/>
              </a:rPr>
              <a:t>${...}</a:t>
            </a:r>
            <a:r>
              <a:rPr lang="en-US" sz="2500">
                <a:latin typeface="Ericsson Hilda"/>
              </a:rPr>
              <a:t>) like Spring Expression Language and executes on model attributes, asterisk expressions (</a:t>
            </a:r>
            <a:r>
              <a:rPr lang="en-US" sz="2500">
                <a:solidFill>
                  <a:srgbClr val="00B0F0"/>
                </a:solidFill>
                <a:latin typeface="Ericsson Hilda"/>
              </a:rPr>
              <a:t>*{...}</a:t>
            </a:r>
            <a:r>
              <a:rPr lang="en-US" sz="2500">
                <a:latin typeface="Ericsson Hilda"/>
              </a:rPr>
              <a:t>) execute on the form backing bean, hash expressions (</a:t>
            </a:r>
            <a:r>
              <a:rPr lang="en-US" sz="2500">
                <a:solidFill>
                  <a:srgbClr val="00B0F0"/>
                </a:solidFill>
                <a:latin typeface="Ericsson Hilda"/>
              </a:rPr>
              <a:t>#{...}</a:t>
            </a:r>
            <a:r>
              <a:rPr lang="en-US" sz="2500">
                <a:latin typeface="Ericsson Hilda"/>
              </a:rPr>
              <a:t>) are for internationalization, and link expressions (</a:t>
            </a:r>
            <a:r>
              <a:rPr lang="en-US" sz="2500">
                <a:solidFill>
                  <a:srgbClr val="00B0F0"/>
                </a:solidFill>
                <a:latin typeface="Ericsson Hilda"/>
              </a:rPr>
              <a:t>@{...}</a:t>
            </a:r>
            <a:r>
              <a:rPr lang="en-US" sz="2500">
                <a:latin typeface="Ericsson Hilda"/>
              </a:rPr>
              <a:t>) rewrite URLs.</a:t>
            </a:r>
          </a:p>
        </p:txBody>
      </p:sp>
      <p:pic>
        <p:nvPicPr>
          <p:cNvPr id="11" name="Picture 2" descr="Download - Thymeleaf">
            <a:extLst>
              <a:ext uri="{FF2B5EF4-FFF2-40B4-BE49-F238E27FC236}">
                <a16:creationId xmlns:a16="http://schemas.microsoft.com/office/drawing/2014/main" id="{0E576531-C57F-40D2-B1B9-E41B583CA1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2113" y="1413214"/>
            <a:ext cx="2632815" cy="5337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Star: 7 Points 6">
            <a:extLst>
              <a:ext uri="{FF2B5EF4-FFF2-40B4-BE49-F238E27FC236}">
                <a16:creationId xmlns:a16="http://schemas.microsoft.com/office/drawing/2014/main" id="{FA32FE5D-42CF-43EA-A68F-44E5B3E2252B}"/>
              </a:ext>
            </a:extLst>
          </p:cNvPr>
          <p:cNvSpPr/>
          <p:nvPr/>
        </p:nvSpPr>
        <p:spPr>
          <a:xfrm>
            <a:off x="11601606" y="6246893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87742105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800" b="1" err="1">
                <a:latin typeface="Ericsson Hilda Light"/>
              </a:rPr>
              <a:t>Thymeleaf</a:t>
            </a:r>
            <a:r>
              <a:rPr lang="en-US" sz="4800" b="1">
                <a:latin typeface="Ericsson Hilda Light"/>
              </a:rPr>
              <a:t> – form methods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55724" y="1223758"/>
            <a:ext cx="11166450" cy="542360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00B0F0"/>
                </a:solidFill>
                <a:latin typeface="Ericsson Hilda"/>
              </a:rPr>
              <a:t>                                         </a:t>
            </a:r>
            <a:r>
              <a:rPr lang="en-US" sz="2500">
                <a:latin typeface="Ericsson Hilda"/>
              </a:rPr>
              <a:t>- as it is an engine that supports HTML, we must remember that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it supports only GET and POST methods</a:t>
            </a:r>
            <a:r>
              <a:rPr lang="en-US" sz="2500" b="1">
                <a:latin typeface="Ericsson Hilda"/>
              </a:rPr>
              <a:t>. </a:t>
            </a:r>
            <a:r>
              <a:rPr lang="en-US" sz="2500">
                <a:latin typeface="Ericsson Hilda"/>
              </a:rPr>
              <a:t>Due to that restriction if we want to use PUT/DELETE methods within </a:t>
            </a:r>
            <a:r>
              <a:rPr lang="en-US" sz="2500" err="1">
                <a:latin typeface="Ericsson Hilda"/>
              </a:rPr>
              <a:t>Thymeleaf</a:t>
            </a:r>
            <a:r>
              <a:rPr lang="en-US" sz="2500">
                <a:latin typeface="Ericsson Hilda"/>
              </a:rPr>
              <a:t> we need to add extra property to </a:t>
            </a:r>
            <a:r>
              <a:rPr lang="en-US" sz="2500" err="1">
                <a:latin typeface="Ericsson Hilda"/>
              </a:rPr>
              <a:t>application.properties</a:t>
            </a:r>
            <a:r>
              <a:rPr lang="en-US" sz="2500">
                <a:latin typeface="Ericsson Hilda"/>
              </a:rPr>
              <a:t> file:</a:t>
            </a:r>
            <a:endParaRPr lang="en-US">
              <a:latin typeface="Ericsson Hilda"/>
            </a:endParaRPr>
          </a:p>
          <a:p>
            <a:pPr>
              <a:lnSpc>
                <a:spcPct val="125000"/>
              </a:lnSpc>
            </a:pPr>
            <a:r>
              <a:rPr lang="en-US" sz="2500" b="1" i="1" err="1">
                <a:solidFill>
                  <a:srgbClr val="FFFF00"/>
                </a:solidFill>
                <a:latin typeface="Ericsson Hilda"/>
              </a:rPr>
              <a:t>spring.mvc.hiddenmethod.filter.enabled</a:t>
            </a:r>
            <a:r>
              <a:rPr lang="en-US" sz="2500" b="1" i="1">
                <a:solidFill>
                  <a:srgbClr val="FFFF00"/>
                </a:solidFill>
                <a:latin typeface="Ericsson Hilda"/>
              </a:rPr>
              <a:t>=true </a:t>
            </a:r>
          </a:p>
          <a:p>
            <a:pPr>
              <a:lnSpc>
                <a:spcPct val="125000"/>
              </a:lnSpc>
            </a:pPr>
            <a:endParaRPr lang="en-US" sz="2500" b="1" i="1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 b="1" err="1">
                <a:latin typeface="Ericsson Hilda"/>
              </a:rPr>
              <a:t>HiddenHttpMethodFilter</a:t>
            </a:r>
            <a:r>
              <a:rPr lang="en-US" sz="2500">
                <a:latin typeface="Ericsson Hilda"/>
              </a:rPr>
              <a:t> allows </a:t>
            </a:r>
            <a:r>
              <a:rPr lang="en-US" sz="2500" err="1">
                <a:latin typeface="Ericsson Hilda"/>
              </a:rPr>
              <a:t>Thymeleaf</a:t>
            </a:r>
            <a:r>
              <a:rPr lang="en-US" sz="2500">
                <a:latin typeface="Ericsson Hilda"/>
              </a:rPr>
              <a:t> to use PUT/DELETE. </a:t>
            </a: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>
                <a:latin typeface="Ericsson Hilda"/>
              </a:rPr>
              <a:t>If you have in form </a:t>
            </a:r>
            <a:r>
              <a:rPr lang="en-US" sz="2500" err="1">
                <a:latin typeface="Ericsson Hilda"/>
              </a:rPr>
              <a:t>th:method</a:t>
            </a:r>
            <a:r>
              <a:rPr lang="en-US" sz="2500">
                <a:latin typeface="Ericsson Hilda"/>
              </a:rPr>
              <a:t>=”put”, then  </a:t>
            </a:r>
            <a:r>
              <a:rPr lang="en-US" sz="2500" err="1">
                <a:latin typeface="Ericsson Hilda"/>
              </a:rPr>
              <a:t>Thymeleaf</a:t>
            </a:r>
            <a:r>
              <a:rPr lang="en-US" sz="2500">
                <a:latin typeface="Ericsson Hilda"/>
              </a:rPr>
              <a:t> will use post as the actual method on the form and insert an extra hidden input _method with the preferred HTTP method</a:t>
            </a:r>
          </a:p>
          <a:p>
            <a:pPr>
              <a:lnSpc>
                <a:spcPct val="125000"/>
              </a:lnSpc>
              <a:spcBef>
                <a:spcPts val="600"/>
              </a:spcBef>
            </a:pPr>
            <a:r>
              <a:rPr lang="en-US" sz="2500" b="1">
                <a:solidFill>
                  <a:srgbClr val="FFFF00"/>
                </a:solidFill>
                <a:latin typeface="Ericsson Hilda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ource article</a:t>
            </a:r>
            <a:endParaRPr lang="en-US" sz="2500" b="1">
              <a:solidFill>
                <a:srgbClr val="FFFF00"/>
              </a:solidFill>
              <a:latin typeface="Ericsson Hilda"/>
            </a:endParaRPr>
          </a:p>
        </p:txBody>
      </p:sp>
      <p:pic>
        <p:nvPicPr>
          <p:cNvPr id="11" name="Picture 2" descr="Download - Thymeleaf">
            <a:extLst>
              <a:ext uri="{FF2B5EF4-FFF2-40B4-BE49-F238E27FC236}">
                <a16:creationId xmlns:a16="http://schemas.microsoft.com/office/drawing/2014/main" id="{0E576531-C57F-40D2-B1B9-E41B583CA1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5669" y="1229314"/>
            <a:ext cx="2632815" cy="5337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Star: 7 Points 6">
            <a:extLst>
              <a:ext uri="{FF2B5EF4-FFF2-40B4-BE49-F238E27FC236}">
                <a16:creationId xmlns:a16="http://schemas.microsoft.com/office/drawing/2014/main" id="{CDFB2778-ECDB-474C-8610-DE03A9C860EE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59048658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Thymeleaf – PUT form example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2160185B-EBAC-447E-BEC0-4F34D91ECC8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1819257"/>
            <a:ext cx="12192000" cy="433478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87715617-E8E5-408E-970F-47E443E3710B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73971635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89104" y="-286256"/>
            <a:ext cx="12281104" cy="7144256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 err="1">
                <a:latin typeface="Ericsson Hilda Light"/>
              </a:rPr>
              <a:t>Thymeleaf</a:t>
            </a:r>
            <a:r>
              <a:rPr lang="en-US" sz="4800" b="1">
                <a:latin typeface="Ericsson Hilda Light"/>
              </a:rPr>
              <a:t> integration with Spring Security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399818BE-AA50-437F-894C-7573EF853B8C}"/>
              </a:ext>
            </a:extLst>
          </p:cNvPr>
          <p:cNvSpPr txBox="1"/>
          <p:nvPr/>
        </p:nvSpPr>
        <p:spPr>
          <a:xfrm>
            <a:off x="338601" y="1395105"/>
            <a:ext cx="4241154" cy="2773323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endParaRPr lang="en-US" sz="2500" b="1">
              <a:solidFill>
                <a:srgbClr val="FFFF00"/>
              </a:solidFill>
              <a:latin typeface="Ericsson Hilda"/>
            </a:endParaRPr>
          </a:p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Integration with Spring Security</a:t>
            </a:r>
            <a:r>
              <a:rPr lang="en-US" sz="2500" b="1">
                <a:solidFill>
                  <a:srgbClr val="00B0F0"/>
                </a:solidFill>
                <a:latin typeface="Ericsson Hilda"/>
              </a:rPr>
              <a:t> </a:t>
            </a:r>
            <a:r>
              <a:rPr lang="en-US" sz="2200">
                <a:latin typeface="Ericsson Hilda"/>
              </a:rPr>
              <a:t>allows to check if user is authenticated and handle displaying given elements in the form based on user’s roles.</a:t>
            </a:r>
            <a:endParaRPr lang="en-US" sz="2200" b="1">
              <a:latin typeface="Ericsson Hilda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5AE9A7F-94E7-41EC-8641-3F2E645D38E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521649" y="1163737"/>
            <a:ext cx="7415763" cy="5108070"/>
          </a:xfrm>
          <a:prstGeom prst="rect">
            <a:avLst/>
          </a:prstGeom>
        </p:spPr>
      </p:pic>
      <p:sp>
        <p:nvSpPr>
          <p:cNvPr id="8" name="Star: 7 Points 7">
            <a:extLst>
              <a:ext uri="{FF2B5EF4-FFF2-40B4-BE49-F238E27FC236}">
                <a16:creationId xmlns:a16="http://schemas.microsoft.com/office/drawing/2014/main" id="{8AB10E5D-4635-4DD7-B226-01777117EBDC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131068"/>
      </p:ext>
    </p:extLst>
  </p:cSld>
  <p:clrMapOvr>
    <a:masterClrMapping/>
  </p:clrMapOvr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Bootstrap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96835" y="1404196"/>
            <a:ext cx="10983006" cy="470898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500" b="1">
                <a:solidFill>
                  <a:srgbClr val="00B0F0"/>
                </a:solidFill>
                <a:latin typeface="Ericsson Hilda"/>
              </a:rPr>
              <a:t>                                     </a:t>
            </a:r>
            <a:r>
              <a:rPr lang="en-US" sz="2500">
                <a:latin typeface="Ericsson Hilda"/>
              </a:rPr>
              <a:t>is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open-source front-end</a:t>
            </a:r>
            <a:r>
              <a:rPr lang="en-US" sz="2500" b="1">
                <a:solidFill>
                  <a:srgbClr val="00B0F0"/>
                </a:solidFill>
                <a:latin typeface="Ericsson Hilda"/>
              </a:rPr>
              <a:t> </a:t>
            </a:r>
            <a:r>
              <a:rPr lang="en-US" sz="2500" b="1">
                <a:latin typeface="Ericsson Hilda"/>
              </a:rPr>
              <a:t>development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framework </a:t>
            </a:r>
            <a:r>
              <a:rPr lang="en-US" sz="2500">
                <a:latin typeface="Ericsson Hilda"/>
              </a:rPr>
              <a:t>for the creation of websites and web apps.</a:t>
            </a:r>
            <a:endParaRPr lang="en-US"/>
          </a:p>
          <a:p>
            <a:endParaRPr lang="en-US" sz="2500">
              <a:latin typeface="Ericsson Hilda" panose="00000500000000000000" pitchFamily="2" charset="0"/>
            </a:endParaRPr>
          </a:p>
          <a:p>
            <a:r>
              <a:rPr lang="en-US" sz="2500">
                <a:solidFill>
                  <a:srgbClr val="FFFFFF"/>
                </a:solidFill>
                <a:latin typeface="Ericsson Hilda"/>
              </a:rPr>
              <a:t>Bootstrap simplifies creating responsive</a:t>
            </a:r>
            <a:r>
              <a:rPr lang="en-US" sz="2500">
                <a:latin typeface="Ericsson Hilda"/>
              </a:rPr>
              <a:t>, mobile-first front-end programs.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r>
              <a:rPr lang="en-US" sz="2500">
                <a:latin typeface="Ericsson Hilda"/>
              </a:rPr>
              <a:t>Bootstrap help us with appearance of our applications.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r>
              <a:rPr lang="en-US" sz="2500">
                <a:latin typeface="Ericsson Hilda"/>
              </a:rPr>
              <a:t>Bootstrap uses HTML, CSS, and JavaScript.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r>
              <a:rPr lang="en-US" sz="2500">
                <a:latin typeface="Ericsson Hilda"/>
              </a:rPr>
              <a:t>Bootstrap has ready solutions for many elements: buttons, alerts, modals, tabs, navigation bars, toolkits, dropdowns and many more…</a:t>
            </a:r>
          </a:p>
        </p:txBody>
      </p:sp>
      <p:pic>
        <p:nvPicPr>
          <p:cNvPr id="7" name="Picture 4">
            <a:extLst>
              <a:ext uri="{FF2B5EF4-FFF2-40B4-BE49-F238E27FC236}">
                <a16:creationId xmlns:a16="http://schemas.microsoft.com/office/drawing/2014/main" id="{C149187E-9B1A-454C-BF10-398A7BA9112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358" b="25872"/>
          <a:stretch/>
        </p:blipFill>
        <p:spPr bwMode="auto">
          <a:xfrm>
            <a:off x="332981" y="1479124"/>
            <a:ext cx="2345597" cy="6216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Cloud 7">
            <a:extLst>
              <a:ext uri="{FF2B5EF4-FFF2-40B4-BE49-F238E27FC236}">
                <a16:creationId xmlns:a16="http://schemas.microsoft.com/office/drawing/2014/main" id="{EACFBF79-E1C4-4E2A-AA6C-FA3722EA5116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3386359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Librarian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916503" y="1410399"/>
            <a:ext cx="6330772" cy="47089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Registering the new users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Adding new books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Editing data about books / readers,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Renting books to users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Checking how many books are rented by particular user,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Handling returned books in system.</a:t>
            </a:r>
          </a:p>
        </p:txBody>
      </p:sp>
      <p:pic>
        <p:nvPicPr>
          <p:cNvPr id="7" name="Graphic 6" descr="Stack of books with pear">
            <a:extLst>
              <a:ext uri="{FF2B5EF4-FFF2-40B4-BE49-F238E27FC236}">
                <a16:creationId xmlns:a16="http://schemas.microsoft.com/office/drawing/2014/main" id="{18E4A740-AFE7-4658-9A3B-0DD84F93932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62361" y="1597980"/>
            <a:ext cx="4331029" cy="4331029"/>
          </a:xfrm>
          <a:prstGeom prst="rect">
            <a:avLst/>
          </a:prstGeom>
        </p:spPr>
      </p:pic>
      <p:sp>
        <p:nvSpPr>
          <p:cNvPr id="4" name="TextBox 1">
            <a:extLst>
              <a:ext uri="{FF2B5EF4-FFF2-40B4-BE49-F238E27FC236}">
                <a16:creationId xmlns:a16="http://schemas.microsoft.com/office/drawing/2014/main" id="{96A7D7EE-0309-B8EE-7D95-83FA007D72A5}"/>
              </a:ext>
            </a:extLst>
          </p:cNvPr>
          <p:cNvSpPr txBox="1"/>
          <p:nvPr/>
        </p:nvSpPr>
        <p:spPr>
          <a:xfrm>
            <a:off x="536195" y="5835454"/>
            <a:ext cx="2221422" cy="5375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500" b="1">
                <a:latin typeface="Ericsson Hilda" panose="00000500000000000000" pitchFamily="2" charset="0"/>
              </a:rPr>
              <a:t>Librarian</a:t>
            </a:r>
            <a:endParaRPr lang="en-US" sz="2000">
              <a:latin typeface="Ericsson Hilda" panose="00000500000000000000" pitchFamily="2" charset="0"/>
            </a:endParaRPr>
          </a:p>
        </p:txBody>
      </p:sp>
      <p:pic>
        <p:nvPicPr>
          <p:cNvPr id="5" name="Picture 4" descr="Icon&#10;&#10;Description automatically generated">
            <a:extLst>
              <a:ext uri="{FF2B5EF4-FFF2-40B4-BE49-F238E27FC236}">
                <a16:creationId xmlns:a16="http://schemas.microsoft.com/office/drawing/2014/main" id="{AE7DCC0E-503B-8643-7A97-5BA6A5EE2C79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00117" y="1248696"/>
            <a:ext cx="1807542" cy="4520383"/>
          </a:xfrm>
          <a:prstGeom prst="rect">
            <a:avLst/>
          </a:prstGeom>
        </p:spPr>
      </p:pic>
      <p:sp>
        <p:nvSpPr>
          <p:cNvPr id="9" name="Star: 7 Points 8">
            <a:extLst>
              <a:ext uri="{FF2B5EF4-FFF2-40B4-BE49-F238E27FC236}">
                <a16:creationId xmlns:a16="http://schemas.microsoft.com/office/drawing/2014/main" id="{F7922F25-CF6E-401B-9783-169976317776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50753966"/>
      </p:ext>
    </p:extLst>
  </p:cSld>
  <p:clrMapOvr>
    <a:masterClrMapping/>
  </p:clrMapOvr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Bootstrap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CA0BD10-660F-4FD4-A86B-73ADB018969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326319" y="2355375"/>
            <a:ext cx="4620465" cy="358126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0B330F8-4CDA-4108-AB8B-1E9191FCFA7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30839" y="1476614"/>
            <a:ext cx="6827422" cy="3051484"/>
          </a:xfrm>
          <a:prstGeom prst="rect">
            <a:avLst/>
          </a:prstGeom>
        </p:spPr>
      </p:pic>
      <p:sp>
        <p:nvSpPr>
          <p:cNvPr id="7" name="Cloud 6">
            <a:extLst>
              <a:ext uri="{FF2B5EF4-FFF2-40B4-BE49-F238E27FC236}">
                <a16:creationId xmlns:a16="http://schemas.microsoft.com/office/drawing/2014/main" id="{FA6951CF-8ECA-4FCB-96BB-19091765AAEC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55266038"/>
      </p:ext>
    </p:extLst>
  </p:cSld>
  <p:clrMapOvr>
    <a:masterClrMapping/>
  </p:clrMapOvr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Bootstrap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55996FF-15F2-4FC2-97FA-849EECBBCD1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35157" y="1224273"/>
            <a:ext cx="10434138" cy="5378229"/>
          </a:xfrm>
          <a:prstGeom prst="rect">
            <a:avLst/>
          </a:prstGeom>
        </p:spPr>
      </p:pic>
      <p:sp>
        <p:nvSpPr>
          <p:cNvPr id="3" name="Cloud 2">
            <a:extLst>
              <a:ext uri="{FF2B5EF4-FFF2-40B4-BE49-F238E27FC236}">
                <a16:creationId xmlns:a16="http://schemas.microsoft.com/office/drawing/2014/main" id="{CFD72E17-DE4A-C261-C0AE-37180475B5B7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2805510"/>
      </p:ext>
    </p:extLst>
  </p:cSld>
  <p:clrMapOvr>
    <a:masterClrMapping/>
  </p:clrMapOvr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136662" y="-372862"/>
            <a:ext cx="12427438" cy="7281606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 err="1">
                <a:latin typeface="Ericsson Hilda Light"/>
              </a:rPr>
              <a:t>JQuery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28410" y="1709583"/>
            <a:ext cx="11166450" cy="461280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500" b="1">
                <a:solidFill>
                  <a:srgbClr val="00B0F0"/>
                </a:solidFill>
                <a:latin typeface="Ericsson Hilda"/>
              </a:rPr>
              <a:t>                                        </a:t>
            </a:r>
            <a:r>
              <a:rPr lang="en-US" sz="2500">
                <a:latin typeface="Ericsson Hilda"/>
              </a:rPr>
              <a:t>is a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feature-rich JavaScript library</a:t>
            </a:r>
            <a:r>
              <a:rPr lang="en-US" sz="2500">
                <a:latin typeface="Ericsson Hilda"/>
              </a:rPr>
              <a:t>.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>
                <a:latin typeface="Ericsson Hilda"/>
              </a:rPr>
              <a:t>It simplifies operations like: manipulation of HTML document (DOM operations), animations, event handling, AJAX.</a:t>
            </a:r>
          </a:p>
          <a:p>
            <a:pPr>
              <a:lnSpc>
                <a:spcPct val="125000"/>
              </a:lnSpc>
            </a:pP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>
                <a:latin typeface="Ericsson Hilda"/>
              </a:rPr>
              <a:t>Usually, no changes in HTML tags are required.</a:t>
            </a:r>
          </a:p>
          <a:p>
            <a:pPr>
              <a:lnSpc>
                <a:spcPct val="125000"/>
              </a:lnSpc>
            </a:pP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>
                <a:latin typeface="Ericsson Hilda"/>
              </a:rPr>
              <a:t>In our </a:t>
            </a:r>
            <a:r>
              <a:rPr lang="en-US" sz="2500" b="1">
                <a:latin typeface="Ericsson Hilda"/>
              </a:rPr>
              <a:t>Book Rental </a:t>
            </a:r>
            <a:r>
              <a:rPr lang="en-US" sz="2500">
                <a:latin typeface="Ericsson Hilda"/>
              </a:rPr>
              <a:t>application </a:t>
            </a:r>
            <a:r>
              <a:rPr lang="en-US" sz="2500" b="1" err="1">
                <a:solidFill>
                  <a:srgbClr val="FFFF00"/>
                </a:solidFill>
                <a:latin typeface="Ericsson Hilda"/>
              </a:rPr>
              <a:t>JQuery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 helps us with form validation on client side.</a:t>
            </a:r>
          </a:p>
          <a:p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2" name="Picture 2" descr="Logo&#10;&#10;Description automatically generated">
            <a:extLst>
              <a:ext uri="{FF2B5EF4-FFF2-40B4-BE49-F238E27FC236}">
                <a16:creationId xmlns:a16="http://schemas.microsoft.com/office/drawing/2014/main" id="{9F6835CF-AB1B-A708-0382-D04C518451E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39946" y="1555208"/>
            <a:ext cx="2556295" cy="728338"/>
          </a:xfrm>
          <a:prstGeom prst="rect">
            <a:avLst/>
          </a:prstGeom>
        </p:spPr>
      </p:pic>
      <p:sp>
        <p:nvSpPr>
          <p:cNvPr id="7" name="Cloud 6">
            <a:extLst>
              <a:ext uri="{FF2B5EF4-FFF2-40B4-BE49-F238E27FC236}">
                <a16:creationId xmlns:a16="http://schemas.microsoft.com/office/drawing/2014/main" id="{5D14B91D-2D84-4061-87EF-0E129A4C4A9D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78793186"/>
      </p:ext>
    </p:extLst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72862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 err="1">
                <a:latin typeface="Ericsson Hilda Light"/>
              </a:rPr>
              <a:t>JQuery</a:t>
            </a:r>
            <a:r>
              <a:rPr lang="en-US" sz="6000" b="1">
                <a:latin typeface="Ericsson Hilda Light"/>
              </a:rPr>
              <a:t> example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AD4688E-8F17-4596-90D8-2820A3C6BE8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18574" y="1546344"/>
            <a:ext cx="10727761" cy="4869930"/>
          </a:xfrm>
          <a:prstGeom prst="rect">
            <a:avLst/>
          </a:prstGeom>
        </p:spPr>
      </p:pic>
      <p:sp>
        <p:nvSpPr>
          <p:cNvPr id="6" name="Cloud 5">
            <a:extLst>
              <a:ext uri="{FF2B5EF4-FFF2-40B4-BE49-F238E27FC236}">
                <a16:creationId xmlns:a16="http://schemas.microsoft.com/office/drawing/2014/main" id="{04BDE0B9-80F5-4293-981D-BE3E2D9E6154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8198235"/>
      </p:ext>
    </p:extLst>
  </p:cSld>
  <p:clrMapOvr>
    <a:masterClrMapping/>
  </p:clrMapOvr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4449" y="-316418"/>
            <a:ext cx="12356884" cy="7253384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198003"/>
            <a:ext cx="5656777" cy="479931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800" b="1" err="1">
                <a:latin typeface="Ericsson Hilda Light"/>
              </a:rPr>
              <a:t>JQuery</a:t>
            </a:r>
            <a:r>
              <a:rPr lang="en-US" sz="4800" b="1">
                <a:latin typeface="Ericsson Hilda Light"/>
              </a:rPr>
              <a:t> validate form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9520BD1-500D-464A-BC9C-1A9BE2B0F7C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155234" y="903989"/>
            <a:ext cx="8284096" cy="5881471"/>
          </a:xfrm>
          <a:prstGeom prst="rect">
            <a:avLst/>
          </a:prstGeom>
          <a:effectLst>
            <a:glow rad="63500">
              <a:schemeClr val="accent3">
                <a:satMod val="175000"/>
                <a:alpha val="40000"/>
              </a:schemeClr>
            </a:glow>
          </a:effectLst>
        </p:spPr>
      </p:pic>
      <p:sp>
        <p:nvSpPr>
          <p:cNvPr id="7" name="Cloud 6">
            <a:extLst>
              <a:ext uri="{FF2B5EF4-FFF2-40B4-BE49-F238E27FC236}">
                <a16:creationId xmlns:a16="http://schemas.microsoft.com/office/drawing/2014/main" id="{2FD13A52-105B-4283-B4C2-AFAF759EB1C5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06540590"/>
      </p:ext>
    </p:extLst>
  </p:cSld>
  <p:clrMapOvr>
    <a:masterClrMapping/>
  </p:clrMapOvr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1375200" y="3030968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US">
                <a:solidFill>
                  <a:schemeClr val="tx1"/>
                </a:solidFill>
                <a:latin typeface="Ericsson Hilda"/>
              </a:rPr>
              <a:t>Question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72FCEA39-4E5D-41C9-A5F8-01FA4FB2897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62966" y="2821445"/>
            <a:ext cx="987277" cy="121511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88574956"/>
      </p:ext>
    </p:extLst>
  </p:cSld>
  <p:clrMapOvr>
    <a:masterClrMapping/>
  </p:clrMapOvr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0" y="-301658"/>
            <a:ext cx="12192000" cy="7097513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329931" y="329186"/>
            <a:ext cx="7742832" cy="479931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800" b="1">
                <a:latin typeface="Ericsson Hilda Light"/>
              </a:rPr>
              <a:t>Bibliography 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C5200ECE-2279-46DA-9215-C0E2360B1AB6}"/>
              </a:ext>
            </a:extLst>
          </p:cNvPr>
          <p:cNvSpPr txBox="1">
            <a:spLocks/>
          </p:cNvSpPr>
          <p:nvPr/>
        </p:nvSpPr>
        <p:spPr>
          <a:xfrm>
            <a:off x="213391" y="1693650"/>
            <a:ext cx="10817524" cy="466763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en-US" sz="2300">
                <a:latin typeface="Ericsson Hilda" panose="00000500000000000000" pitchFamily="2" charset="0"/>
                <a:cs typeface="Calibri" panose="020F0502020204030204"/>
              </a:rPr>
              <a:t>Images:</a:t>
            </a:r>
          </a:p>
          <a:p>
            <a:r>
              <a:rPr lang="en-US" sz="2300">
                <a:latin typeface="Ericsson Hilda" panose="00000500000000000000" pitchFamily="2" charset="0"/>
                <a:ea typeface="+mn-lt"/>
                <a:cs typeface="+mn-lt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publicdomainvectors.org/pl/wektorow-swobodnych/Grafika-wektorowa-budynku-szko%C5%82y/11750.html</a:t>
            </a:r>
            <a:endParaRPr lang="en-US" sz="2300">
              <a:latin typeface="Ericsson Hilda" panose="00000500000000000000" pitchFamily="2" charset="0"/>
              <a:cs typeface="Calibri"/>
            </a:endParaRPr>
          </a:p>
          <a:p>
            <a:r>
              <a:rPr lang="en-US" sz="2300">
                <a:latin typeface="Ericsson Hilda" panose="00000500000000000000" pitchFamily="2" charset="0"/>
                <a:ea typeface="+mn-lt"/>
                <a:cs typeface="+mn-lt"/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openclipart.org/detail/314949/librarian-2</a:t>
            </a:r>
            <a:endParaRPr lang="en-US" sz="2300">
              <a:latin typeface="Ericsson Hilda" panose="00000500000000000000" pitchFamily="2" charset="0"/>
              <a:cs typeface="Calibri"/>
            </a:endParaRPr>
          </a:p>
          <a:p>
            <a:r>
              <a:rPr lang="en-US" sz="2300">
                <a:latin typeface="Ericsson Hilda" panose="00000500000000000000" pitchFamily="2" charset="0"/>
                <a:ea typeface="+mn-lt"/>
                <a:cs typeface="+mn-lt"/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freesvg.org/books</a:t>
            </a:r>
            <a:endParaRPr lang="en-US" sz="2300">
              <a:latin typeface="Ericsson Hilda" panose="00000500000000000000" pitchFamily="2" charset="0"/>
              <a:cs typeface="Calibri"/>
            </a:endParaRPr>
          </a:p>
          <a:p>
            <a:r>
              <a:rPr lang="en-US" sz="2300">
                <a:latin typeface="Ericsson Hilda" panose="00000500000000000000" pitchFamily="2" charset="0"/>
                <a:ea typeface="+mn-lt"/>
                <a:cs typeface="+mn-lt"/>
                <a:hlinkClick r:id="rId9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images.rawpixel.com/image_800/czNmcy1wcml2YXRlL3Jhd3BpeGVsX2ltYWdlcy93ZWJzaXRlX2NvbnRlbnQvbHIvam9iNjczLTE1OS14LmpwZw.jpg?s=l3MJkiQKcO5Q1lqiFPEpZn-HyL-CZmKAjsEnk9XR1bA</a:t>
            </a:r>
            <a:r>
              <a:rPr lang="en-US" sz="2300">
                <a:latin typeface="Ericsson Hilda" panose="00000500000000000000" pitchFamily="2" charset="0"/>
                <a:ea typeface="+mn-lt"/>
                <a:cs typeface="+mn-lt"/>
              </a:rPr>
              <a:t> </a:t>
            </a:r>
            <a:endParaRPr lang="en-US" sz="2300">
              <a:latin typeface="Ericsson Hilda" panose="00000500000000000000" pitchFamily="2" charset="0"/>
              <a:cs typeface="Calibri"/>
            </a:endParaRPr>
          </a:p>
          <a:p>
            <a:r>
              <a:rPr lang="en-US" sz="2300">
                <a:latin typeface="Ericsson Hilda" panose="00000500000000000000" pitchFamily="2" charset="0"/>
                <a:ea typeface="+mn-lt"/>
                <a:cs typeface="+mn-lt"/>
                <a:hlinkClick r:id="rId10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openclipart.org/detail/298193/librarian</a:t>
            </a:r>
            <a:r>
              <a:rPr lang="en-US" sz="2300">
                <a:latin typeface="Ericsson Hilda" panose="00000500000000000000" pitchFamily="2" charset="0"/>
                <a:ea typeface="+mn-lt"/>
                <a:cs typeface="+mn-lt"/>
              </a:rPr>
              <a:t> </a:t>
            </a:r>
          </a:p>
          <a:p>
            <a:endParaRPr lang="en-US" sz="2300">
              <a:latin typeface="Ericsson Hilda" panose="00000500000000000000" pitchFamily="2" charset="0"/>
              <a:ea typeface="+mn-lt"/>
              <a:cs typeface="+mn-lt"/>
            </a:endParaRPr>
          </a:p>
          <a:p>
            <a:endParaRPr lang="en-US" sz="2300">
              <a:latin typeface="Ericsson Hilda" panose="00000500000000000000" pitchFamily="2" charset="0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08743429"/>
      </p:ext>
    </p:extLst>
  </p:cSld>
  <p:clrMapOvr>
    <a:masterClrMapping/>
  </p:clrMapOvr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0" y="-301658"/>
            <a:ext cx="12192000" cy="7097513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329931" y="329186"/>
            <a:ext cx="7742832" cy="479931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800" b="1">
                <a:latin typeface="Ericsson Hilda Light"/>
              </a:rPr>
              <a:t>Bibliography (2)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C5200ECE-2279-46DA-9215-C0E2360B1AB6}"/>
              </a:ext>
            </a:extLst>
          </p:cNvPr>
          <p:cNvSpPr txBox="1">
            <a:spLocks/>
          </p:cNvSpPr>
          <p:nvPr/>
        </p:nvSpPr>
        <p:spPr>
          <a:xfrm>
            <a:off x="213391" y="1693650"/>
            <a:ext cx="10817524" cy="466763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300">
                <a:latin typeface="Ericsson Hilda" panose="00000500000000000000" pitchFamily="2" charset="0"/>
                <a:cs typeface="Calibri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interviewbit.com/blog/difference-between-spring-mvc-and-spring-boot/</a:t>
            </a:r>
            <a:r>
              <a:rPr lang="en-US" sz="2300">
                <a:latin typeface="Ericsson Hilda" panose="00000500000000000000" pitchFamily="2" charset="0"/>
                <a:cs typeface="Calibri"/>
              </a:rPr>
              <a:t> </a:t>
            </a:r>
          </a:p>
          <a:p>
            <a:r>
              <a:rPr lang="en-US" sz="2300">
                <a:latin typeface="Ericsson Hilda" panose="00000500000000000000" pitchFamily="2" charset="0"/>
                <a:cs typeface="Calibri"/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freecodecamp.org/news/the-model-view-controller-pattern-mvc-architecture-and-frameworks-explained/</a:t>
            </a:r>
            <a:r>
              <a:rPr lang="en-US" sz="2300">
                <a:latin typeface="Ericsson Hilda" panose="00000500000000000000" pitchFamily="2" charset="0"/>
                <a:cs typeface="Calibri"/>
              </a:rPr>
              <a:t> </a:t>
            </a:r>
          </a:p>
          <a:p>
            <a:r>
              <a:rPr lang="en-US" sz="2400">
                <a:latin typeface="Ericsson Hilda" panose="00000500000000000000" pitchFamily="2" charset="0"/>
                <a:cs typeface="Calibri"/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imdeblauwe.com/blog/2021/09/23/todomvc-with-spring-boot-and-thymeleaf-part-2/</a:t>
            </a:r>
            <a:r>
              <a:rPr lang="en-US" sz="2400">
                <a:latin typeface="Ericsson Hilda" panose="00000500000000000000" pitchFamily="2" charset="0"/>
                <a:cs typeface="Calibri"/>
              </a:rPr>
              <a:t> </a:t>
            </a:r>
          </a:p>
          <a:p>
            <a:r>
              <a:rPr lang="en-US" sz="2400">
                <a:latin typeface="Ericsson Hilda" panose="00000500000000000000" pitchFamily="2" charset="0"/>
                <a:cs typeface="Calibri"/>
                <a:hlinkClick r:id="rId9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thymeleaf.org/</a:t>
            </a:r>
            <a:endParaRPr lang="en-US" sz="2400">
              <a:latin typeface="Ericsson Hilda" panose="00000500000000000000" pitchFamily="2" charset="0"/>
              <a:cs typeface="Calibri"/>
            </a:endParaRPr>
          </a:p>
          <a:p>
            <a:r>
              <a:rPr lang="en-US" sz="2400">
                <a:latin typeface="Ericsson Hilda" panose="00000500000000000000" pitchFamily="2" charset="0"/>
                <a:cs typeface="Calibri"/>
                <a:hlinkClick r:id="rId10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baeldung.com/thymeleaf-in-spring-mvc</a:t>
            </a:r>
            <a:r>
              <a:rPr lang="en-US" sz="2400">
                <a:latin typeface="Ericsson Hilda" panose="00000500000000000000" pitchFamily="2" charset="0"/>
                <a:cs typeface="Calibri"/>
              </a:rPr>
              <a:t> </a:t>
            </a:r>
          </a:p>
          <a:p>
            <a:endParaRPr lang="en-US" sz="2300">
              <a:latin typeface="Ericsson Hilda" panose="00000500000000000000" pitchFamily="2" charset="0"/>
              <a:cs typeface="Calibri"/>
            </a:endParaRPr>
          </a:p>
          <a:p>
            <a:endParaRPr lang="en-US" sz="2300">
              <a:latin typeface="Ericsson Hilda" panose="00000500000000000000" pitchFamily="2" charset="0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3443621"/>
      </p:ext>
    </p:extLst>
  </p:cSld>
  <p:clrMapOvr>
    <a:masterClrMapping/>
  </p:clrMapOvr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35644122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 dirty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Reader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688376" y="2426777"/>
            <a:ext cx="6419765" cy="2585323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>
                <a:latin typeface="Ericsson Hilda"/>
              </a:rPr>
              <a:t>Searches available books in Library,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sz="2800">
              <a:latin typeface="Ericsson Hilda"/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>
                <a:latin typeface="Ericsson Hilda"/>
              </a:rPr>
              <a:t>Checks which books are currently rented by him.</a:t>
            </a: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00B0F0"/>
              </a:solidFill>
              <a:latin typeface="Ericsson Hilda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4B7010BE-C963-44B5-BA09-4B0665340F6B}"/>
              </a:ext>
            </a:extLst>
          </p:cNvPr>
          <p:cNvSpPr txBox="1"/>
          <p:nvPr/>
        </p:nvSpPr>
        <p:spPr>
          <a:xfrm>
            <a:off x="397267" y="5931977"/>
            <a:ext cx="1861989" cy="5545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ader</a:t>
            </a:r>
            <a:endParaRPr lang="en-US" sz="2000" err="1">
              <a:latin typeface="Ericsson Hilda" panose="00000500000000000000" pitchFamily="2" charset="0"/>
            </a:endParaRPr>
          </a:p>
        </p:txBody>
      </p:sp>
      <p:pic>
        <p:nvPicPr>
          <p:cNvPr id="16" name="Graphic 15" descr="Stack of books with pear">
            <a:extLst>
              <a:ext uri="{FF2B5EF4-FFF2-40B4-BE49-F238E27FC236}">
                <a16:creationId xmlns:a16="http://schemas.microsoft.com/office/drawing/2014/main" id="{EDCAD5CF-B09B-45C6-B7A7-24F8BF78673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52934" y="1600948"/>
            <a:ext cx="4331029" cy="4331029"/>
          </a:xfrm>
          <a:prstGeom prst="rect">
            <a:avLst/>
          </a:prstGeom>
        </p:spPr>
      </p:pic>
      <p:pic>
        <p:nvPicPr>
          <p:cNvPr id="6" name="Picture 5" descr="Icon&#10;&#10;Description automatically generated">
            <a:extLst>
              <a:ext uri="{FF2B5EF4-FFF2-40B4-BE49-F238E27FC236}">
                <a16:creationId xmlns:a16="http://schemas.microsoft.com/office/drawing/2014/main" id="{880CD0CC-6FDC-A4CD-AAB6-DFA8FF3BAC93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5067" y="1084053"/>
            <a:ext cx="2420924" cy="4833667"/>
          </a:xfrm>
          <a:prstGeom prst="rect">
            <a:avLst/>
          </a:prstGeom>
        </p:spPr>
      </p:pic>
      <p:sp>
        <p:nvSpPr>
          <p:cNvPr id="5" name="Star: 7 Points 4">
            <a:extLst>
              <a:ext uri="{FF2B5EF4-FFF2-40B4-BE49-F238E27FC236}">
                <a16:creationId xmlns:a16="http://schemas.microsoft.com/office/drawing/2014/main" id="{A4CE5E1A-57DD-AE5D-B987-A5588E83013F}"/>
              </a:ext>
            </a:extLst>
          </p:cNvPr>
          <p:cNvSpPr/>
          <p:nvPr/>
        </p:nvSpPr>
        <p:spPr>
          <a:xfrm>
            <a:off x="11438144" y="6144775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028918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28222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Items / Objects in system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EE1F7603-177B-5656-1602-981A7385F1F1}"/>
              </a:ext>
            </a:extLst>
          </p:cNvPr>
          <p:cNvSpPr/>
          <p:nvPr/>
        </p:nvSpPr>
        <p:spPr>
          <a:xfrm>
            <a:off x="11313383" y="6180400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002525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53768567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56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56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2748276450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Application>Microsoft Office PowerPoint</Application>
  <PresentationFormat>Widescreen</PresentationFormat>
  <Slides>78</Slides>
  <Notes>55</Notes>
  <HiddenSlides>15</HiddenSlide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78</vt:i4>
      </vt:variant>
    </vt:vector>
  </HeadingPairs>
  <TitlesOfParts>
    <vt:vector size="79" baseType="lpstr"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inga Gniadek</dc:creator>
  <cp:revision>94</cp:revision>
  <dcterms:created xsi:type="dcterms:W3CDTF">2022-09-05T11:10:37Z</dcterms:created>
  <dcterms:modified xsi:type="dcterms:W3CDTF">2022-12-04T21:03:47Z</dcterms:modified>
</cp:coreProperties>
</file>